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worksheets/sheet131.xml" ContentType="application/vnd.openxmlformats-officedocument.spreadsheetml.worksheet+xml"/>
  <Override PartName="/xl/worksheets/sheet132.xml" ContentType="application/vnd.openxmlformats-officedocument.spreadsheetml.worksheet+xml"/>
  <Override PartName="/xl/worksheets/sheet133.xml" ContentType="application/vnd.openxmlformats-officedocument.spreadsheetml.worksheet+xml"/>
  <Override PartName="/xl/worksheets/sheet134.xml" ContentType="application/vnd.openxmlformats-officedocument.spreadsheetml.worksheet+xml"/>
  <Override PartName="/xl/worksheets/sheet135.xml" ContentType="application/vnd.openxmlformats-officedocument.spreadsheetml.worksheet+xml"/>
  <Override PartName="/xl/worksheets/sheet136.xml" ContentType="application/vnd.openxmlformats-officedocument.spreadsheetml.worksheet+xml"/>
  <Override PartName="/xl/worksheets/sheet137.xml" ContentType="application/vnd.openxmlformats-officedocument.spreadsheetml.worksheet+xml"/>
  <Override PartName="/xl/worksheets/sheet138.xml" ContentType="application/vnd.openxmlformats-officedocument.spreadsheetml.worksheet+xml"/>
  <Override PartName="/xl/worksheets/sheet139.xml" ContentType="application/vnd.openxmlformats-officedocument.spreadsheetml.worksheet+xml"/>
  <Override PartName="/xl/worksheets/sheet140.xml" ContentType="application/vnd.openxmlformats-officedocument.spreadsheetml.worksheet+xml"/>
  <Override PartName="/xl/worksheets/sheet141.xml" ContentType="application/vnd.openxmlformats-officedocument.spreadsheetml.worksheet+xml"/>
  <Override PartName="/xl/worksheets/sheet142.xml" ContentType="application/vnd.openxmlformats-officedocument.spreadsheetml.worksheet+xml"/>
  <Override PartName="/xl/worksheets/sheet143.xml" ContentType="application/vnd.openxmlformats-officedocument.spreadsheetml.worksheet+xml"/>
  <Override PartName="/xl/worksheets/sheet144.xml" ContentType="application/vnd.openxmlformats-officedocument.spreadsheetml.worksheet+xml"/>
  <Override PartName="/xl/worksheets/sheet145.xml" ContentType="application/vnd.openxmlformats-officedocument.spreadsheetml.worksheet+xml"/>
  <Override PartName="/xl/worksheets/sheet146.xml" ContentType="application/vnd.openxmlformats-officedocument.spreadsheetml.worksheet+xml"/>
  <Override PartName="/xl/worksheets/sheet147.xml" ContentType="application/vnd.openxmlformats-officedocument.spreadsheetml.worksheet+xml"/>
  <Override PartName="/xl/worksheets/sheet148.xml" ContentType="application/vnd.openxmlformats-officedocument.spreadsheetml.worksheet+xml"/>
  <Override PartName="/xl/worksheets/sheet149.xml" ContentType="application/vnd.openxmlformats-officedocument.spreadsheetml.worksheet+xml"/>
  <Override PartName="/xl/worksheets/sheet150.xml" ContentType="application/vnd.openxmlformats-officedocument.spreadsheetml.worksheet+xml"/>
  <Override PartName="/xl/worksheets/sheet151.xml" ContentType="application/vnd.openxmlformats-officedocument.spreadsheetml.worksheet+xml"/>
  <Override PartName="/xl/worksheets/sheet152.xml" ContentType="application/vnd.openxmlformats-officedocument.spreadsheetml.worksheet+xml"/>
  <Override PartName="/xl/worksheets/sheet153.xml" ContentType="application/vnd.openxmlformats-officedocument.spreadsheetml.worksheet+xml"/>
  <Override PartName="/xl/worksheets/sheet154.xml" ContentType="application/vnd.openxmlformats-officedocument.spreadsheetml.worksheet+xml"/>
  <Override PartName="/xl/worksheets/sheet155.xml" ContentType="application/vnd.openxmlformats-officedocument.spreadsheetml.worksheet+xml"/>
  <Override PartName="/xl/worksheets/sheet156.xml" ContentType="application/vnd.openxmlformats-officedocument.spreadsheetml.worksheet+xml"/>
  <Override PartName="/xl/worksheets/sheet157.xml" ContentType="application/vnd.openxmlformats-officedocument.spreadsheetml.worksheet+xml"/>
  <Override PartName="/xl/worksheets/sheet158.xml" ContentType="application/vnd.openxmlformats-officedocument.spreadsheetml.worksheet+xml"/>
  <Override PartName="/xl/worksheets/sheet159.xml" ContentType="application/vnd.openxmlformats-officedocument.spreadsheetml.worksheet+xml"/>
  <Override PartName="/xl/worksheets/sheet160.xml" ContentType="application/vnd.openxmlformats-officedocument.spreadsheetml.worksheet+xml"/>
  <Override PartName="/xl/worksheets/sheet161.xml" ContentType="application/vnd.openxmlformats-officedocument.spreadsheetml.worksheet+xml"/>
  <Override PartName="/xl/worksheets/sheet162.xml" ContentType="application/vnd.openxmlformats-officedocument.spreadsheetml.worksheet+xml"/>
  <Override PartName="/xl/worksheets/sheet163.xml" ContentType="application/vnd.openxmlformats-officedocument.spreadsheetml.worksheet+xml"/>
  <Override PartName="/xl/worksheets/sheet164.xml" ContentType="application/vnd.openxmlformats-officedocument.spreadsheetml.worksheet+xml"/>
  <Override PartName="/xl/worksheets/sheet165.xml" ContentType="application/vnd.openxmlformats-officedocument.spreadsheetml.worksheet+xml"/>
  <Override PartName="/xl/worksheets/sheet166.xml" ContentType="application/vnd.openxmlformats-officedocument.spreadsheetml.worksheet+xml"/>
  <Override PartName="/xl/worksheets/sheet167.xml" ContentType="application/vnd.openxmlformats-officedocument.spreadsheetml.worksheet+xml"/>
  <Override PartName="/xl/worksheets/sheet168.xml" ContentType="application/vnd.openxmlformats-officedocument.spreadsheetml.worksheet+xml"/>
  <Override PartName="/xl/worksheets/sheet169.xml" ContentType="application/vnd.openxmlformats-officedocument.spreadsheetml.worksheet+xml"/>
  <Override PartName="/xl/worksheets/sheet170.xml" ContentType="application/vnd.openxmlformats-officedocument.spreadsheetml.worksheet+xml"/>
  <Override PartName="/xl/worksheets/sheet171.xml" ContentType="application/vnd.openxmlformats-officedocument.spreadsheetml.worksheet+xml"/>
  <Override PartName="/xl/worksheets/sheet172.xml" ContentType="application/vnd.openxmlformats-officedocument.spreadsheetml.worksheet+xml"/>
  <Override PartName="/xl/worksheets/sheet173.xml" ContentType="application/vnd.openxmlformats-officedocument.spreadsheetml.worksheet+xml"/>
  <Override PartName="/xl/worksheets/sheet174.xml" ContentType="application/vnd.openxmlformats-officedocument.spreadsheetml.worksheet+xml"/>
  <Override PartName="/xl/worksheets/sheet175.xml" ContentType="application/vnd.openxmlformats-officedocument.spreadsheetml.worksheet+xml"/>
  <Override PartName="/xl/worksheets/sheet176.xml" ContentType="application/vnd.openxmlformats-officedocument.spreadsheetml.worksheet+xml"/>
  <Override PartName="/xl/worksheets/sheet177.xml" ContentType="application/vnd.openxmlformats-officedocument.spreadsheetml.worksheet+xml"/>
  <Override PartName="/xl/worksheets/sheet178.xml" ContentType="application/vnd.openxmlformats-officedocument.spreadsheetml.worksheet+xml"/>
  <Override PartName="/xl/worksheets/sheet179.xml" ContentType="application/vnd.openxmlformats-officedocument.spreadsheetml.worksheet+xml"/>
  <Override PartName="/xl/worksheets/sheet180.xml" ContentType="application/vnd.openxmlformats-officedocument.spreadsheetml.worksheet+xml"/>
  <Override PartName="/xl/worksheets/sheet181.xml" ContentType="application/vnd.openxmlformats-officedocument.spreadsheetml.worksheet+xml"/>
  <Override PartName="/xl/worksheets/sheet182.xml" ContentType="application/vnd.openxmlformats-officedocument.spreadsheetml.worksheet+xml"/>
  <Override PartName="/xl/worksheets/sheet183.xml" ContentType="application/vnd.openxmlformats-officedocument.spreadsheetml.worksheet+xml"/>
  <Override PartName="/xl/worksheets/sheet184.xml" ContentType="application/vnd.openxmlformats-officedocument.spreadsheetml.worksheet+xml"/>
  <Override PartName="/xl/worksheets/sheet185.xml" ContentType="application/vnd.openxmlformats-officedocument.spreadsheetml.worksheet+xml"/>
  <Override PartName="/xl/worksheets/sheet186.xml" ContentType="application/vnd.openxmlformats-officedocument.spreadsheetml.worksheet+xml"/>
  <Override PartName="/xl/worksheets/sheet187.xml" ContentType="application/vnd.openxmlformats-officedocument.spreadsheetml.worksheet+xml"/>
  <Override PartName="/xl/worksheets/sheet188.xml" ContentType="application/vnd.openxmlformats-officedocument.spreadsheetml.worksheet+xml"/>
  <Override PartName="/xl/worksheets/sheet189.xml" ContentType="application/vnd.openxmlformats-officedocument.spreadsheetml.worksheet+xml"/>
  <Override PartName="/xl/worksheets/sheet190.xml" ContentType="application/vnd.openxmlformats-officedocument.spreadsheetml.worksheet+xml"/>
  <Override PartName="/xl/worksheets/sheet191.xml" ContentType="application/vnd.openxmlformats-officedocument.spreadsheetml.worksheet+xml"/>
  <Override PartName="/xl/worksheets/sheet192.xml" ContentType="application/vnd.openxmlformats-officedocument.spreadsheetml.worksheet+xml"/>
  <Override PartName="/xl/worksheets/sheet193.xml" ContentType="application/vnd.openxmlformats-officedocument.spreadsheetml.worksheet+xml"/>
  <Override PartName="/xl/worksheets/sheet194.xml" ContentType="application/vnd.openxmlformats-officedocument.spreadsheetml.worksheet+xml"/>
  <Override PartName="/xl/worksheets/sheet195.xml" ContentType="application/vnd.openxmlformats-officedocument.spreadsheetml.worksheet+xml"/>
  <Override PartName="/xl/worksheets/sheet196.xml" ContentType="application/vnd.openxmlformats-officedocument.spreadsheetml.worksheet+xml"/>
  <Override PartName="/xl/worksheets/sheet197.xml" ContentType="application/vnd.openxmlformats-officedocument.spreadsheetml.worksheet+xml"/>
  <Override PartName="/xl/worksheets/sheet198.xml" ContentType="application/vnd.openxmlformats-officedocument.spreadsheetml.worksheet+xml"/>
  <Override PartName="/xl/worksheets/sheet199.xml" ContentType="application/vnd.openxmlformats-officedocument.spreadsheetml.worksheet+xml"/>
  <Override PartName="/xl/worksheets/sheet200.xml" ContentType="application/vnd.openxmlformats-officedocument.spreadsheetml.worksheet+xml"/>
  <Override PartName="/xl/worksheets/sheet201.xml" ContentType="application/vnd.openxmlformats-officedocument.spreadsheetml.worksheet+xml"/>
  <Override PartName="/xl/worksheets/sheet202.xml" ContentType="application/vnd.openxmlformats-officedocument.spreadsheetml.worksheet+xml"/>
  <Override PartName="/xl/worksheets/sheet203.xml" ContentType="application/vnd.openxmlformats-officedocument.spreadsheetml.worksheet+xml"/>
  <Override PartName="/xl/worksheets/sheet204.xml" ContentType="application/vnd.openxmlformats-officedocument.spreadsheetml.worksheet+xml"/>
  <Override PartName="/xl/worksheets/sheet205.xml" ContentType="application/vnd.openxmlformats-officedocument.spreadsheetml.worksheet+xml"/>
  <Override PartName="/xl/worksheets/sheet206.xml" ContentType="application/vnd.openxmlformats-officedocument.spreadsheetml.worksheet+xml"/>
  <Override PartName="/xl/worksheets/sheet207.xml" ContentType="application/vnd.openxmlformats-officedocument.spreadsheetml.worksheet+xml"/>
  <Override PartName="/xl/worksheets/sheet208.xml" ContentType="application/vnd.openxmlformats-officedocument.spreadsheetml.worksheet+xml"/>
  <Override PartName="/xl/worksheets/sheet209.xml" ContentType="application/vnd.openxmlformats-officedocument.spreadsheetml.worksheet+xml"/>
  <Override PartName="/xl/worksheets/sheet210.xml" ContentType="application/vnd.openxmlformats-officedocument.spreadsheetml.worksheet+xml"/>
  <Override PartName="/xl/worksheets/sheet211.xml" ContentType="application/vnd.openxmlformats-officedocument.spreadsheetml.worksheet+xml"/>
  <Override PartName="/xl/worksheets/sheet212.xml" ContentType="application/vnd.openxmlformats-officedocument.spreadsheetml.worksheet+xml"/>
  <Override PartName="/xl/worksheets/sheet213.xml" ContentType="application/vnd.openxmlformats-officedocument.spreadsheetml.worksheet+xml"/>
  <Override PartName="/xl/worksheets/sheet214.xml" ContentType="application/vnd.openxmlformats-officedocument.spreadsheetml.worksheet+xml"/>
  <Override PartName="/xl/worksheets/sheet215.xml" ContentType="application/vnd.openxmlformats-officedocument.spreadsheetml.worksheet+xml"/>
  <Override PartName="/xl/worksheets/sheet216.xml" ContentType="application/vnd.openxmlformats-officedocument.spreadsheetml.worksheet+xml"/>
  <Override PartName="/xl/worksheets/sheet217.xml" ContentType="application/vnd.openxmlformats-officedocument.spreadsheetml.worksheet+xml"/>
  <Override PartName="/xl/worksheets/sheet218.xml" ContentType="application/vnd.openxmlformats-officedocument.spreadsheetml.worksheet+xml"/>
  <Override PartName="/xl/worksheets/sheet219.xml" ContentType="application/vnd.openxmlformats-officedocument.spreadsheetml.worksheet+xml"/>
  <Override PartName="/xl/worksheets/sheet220.xml" ContentType="application/vnd.openxmlformats-officedocument.spreadsheetml.worksheet+xml"/>
  <Override PartName="/xl/worksheets/sheet221.xml" ContentType="application/vnd.openxmlformats-officedocument.spreadsheetml.worksheet+xml"/>
  <Override PartName="/xl/worksheets/sheet222.xml" ContentType="application/vnd.openxmlformats-officedocument.spreadsheetml.worksheet+xml"/>
  <Override PartName="/xl/worksheets/sheet223.xml" ContentType="application/vnd.openxmlformats-officedocument.spreadsheetml.worksheet+xml"/>
  <Override PartName="/xl/worksheets/sheet224.xml" ContentType="application/vnd.openxmlformats-officedocument.spreadsheetml.worksheet+xml"/>
  <Override PartName="/xl/worksheets/sheet225.xml" ContentType="application/vnd.openxmlformats-officedocument.spreadsheetml.worksheet+xml"/>
  <Override PartName="/xl/worksheets/sheet226.xml" ContentType="application/vnd.openxmlformats-officedocument.spreadsheetml.worksheet+xml"/>
  <Override PartName="/xl/worksheets/sheet227.xml" ContentType="application/vnd.openxmlformats-officedocument.spreadsheetml.worksheet+xml"/>
  <Override PartName="/xl/worksheets/sheet228.xml" ContentType="application/vnd.openxmlformats-officedocument.spreadsheetml.worksheet+xml"/>
  <Override PartName="/xl/worksheets/sheet229.xml" ContentType="application/vnd.openxmlformats-officedocument.spreadsheetml.worksheet+xml"/>
  <Override PartName="/xl/worksheets/sheet230.xml" ContentType="application/vnd.openxmlformats-officedocument.spreadsheetml.worksheet+xml"/>
  <Override PartName="/xl/worksheets/sheet231.xml" ContentType="application/vnd.openxmlformats-officedocument.spreadsheetml.worksheet+xml"/>
  <Override PartName="/xl/worksheets/sheet232.xml" ContentType="application/vnd.openxmlformats-officedocument.spreadsheetml.worksheet+xml"/>
  <Override PartName="/xl/worksheets/sheet233.xml" ContentType="application/vnd.openxmlformats-officedocument.spreadsheetml.worksheet+xml"/>
  <Override PartName="/xl/worksheets/sheet234.xml" ContentType="application/vnd.openxmlformats-officedocument.spreadsheetml.worksheet+xml"/>
  <Override PartName="/xl/worksheets/sheet235.xml" ContentType="application/vnd.openxmlformats-officedocument.spreadsheetml.worksheet+xml"/>
  <Override PartName="/xl/worksheets/sheet236.xml" ContentType="application/vnd.openxmlformats-officedocument.spreadsheetml.worksheet+xml"/>
  <Override PartName="/xl/worksheets/sheet237.xml" ContentType="application/vnd.openxmlformats-officedocument.spreadsheetml.worksheet+xml"/>
  <Override PartName="/xl/worksheets/sheet238.xml" ContentType="application/vnd.openxmlformats-officedocument.spreadsheetml.worksheet+xml"/>
  <Override PartName="/xl/worksheets/sheet239.xml" ContentType="application/vnd.openxmlformats-officedocument.spreadsheetml.worksheet+xml"/>
  <Override PartName="/xl/worksheets/sheet240.xml" ContentType="application/vnd.openxmlformats-officedocument.spreadsheetml.worksheet+xml"/>
  <Override PartName="/xl/worksheets/sheet241.xml" ContentType="application/vnd.openxmlformats-officedocument.spreadsheetml.worksheet+xml"/>
  <Override PartName="/xl/worksheets/sheet242.xml" ContentType="application/vnd.openxmlformats-officedocument.spreadsheetml.worksheet+xml"/>
  <Override PartName="/xl/worksheets/sheet243.xml" ContentType="application/vnd.openxmlformats-officedocument.spreadsheetml.worksheet+xml"/>
  <Override PartName="/xl/worksheets/sheet244.xml" ContentType="application/vnd.openxmlformats-officedocument.spreadsheetml.worksheet+xml"/>
  <Override PartName="/xl/worksheets/sheet245.xml" ContentType="application/vnd.openxmlformats-officedocument.spreadsheetml.worksheet+xml"/>
  <Override PartName="/xl/worksheets/sheet246.xml" ContentType="application/vnd.openxmlformats-officedocument.spreadsheetml.worksheet+xml"/>
  <Override PartName="/xl/worksheets/sheet247.xml" ContentType="application/vnd.openxmlformats-officedocument.spreadsheetml.worksheet+xml"/>
  <Override PartName="/xl/worksheets/sheet248.xml" ContentType="application/vnd.openxmlformats-officedocument.spreadsheetml.worksheet+xml"/>
  <Override PartName="/xl/worksheets/sheet249.xml" ContentType="application/vnd.openxmlformats-officedocument.spreadsheetml.worksheet+xml"/>
  <Override PartName="/xl/worksheets/sheet250.xml" ContentType="application/vnd.openxmlformats-officedocument.spreadsheetml.worksheet+xml"/>
  <Override PartName="/xl/worksheets/sheet251.xml" ContentType="application/vnd.openxmlformats-officedocument.spreadsheetml.worksheet+xml"/>
  <Override PartName="/xl/worksheets/sheet252.xml" ContentType="application/vnd.openxmlformats-officedocument.spreadsheetml.worksheet+xml"/>
  <Override PartName="/xl/worksheets/sheet253.xml" ContentType="application/vnd.openxmlformats-officedocument.spreadsheetml.worksheet+xml"/>
  <Override PartName="/xl/worksheets/sheet254.xml" ContentType="application/vnd.openxmlformats-officedocument.spreadsheetml.worksheet+xml"/>
  <Override PartName="/xl/worksheets/sheet255.xml" ContentType="application/vnd.openxmlformats-officedocument.spreadsheetml.worksheet+xml"/>
  <Override PartName="/xl/worksheets/sheet256.xml" ContentType="application/vnd.openxmlformats-officedocument.spreadsheetml.worksheet+xml"/>
  <Override PartName="/xl/worksheets/sheet257.xml" ContentType="application/vnd.openxmlformats-officedocument.spreadsheetml.worksheet+xml"/>
  <Override PartName="/xl/worksheets/sheet258.xml" ContentType="application/vnd.openxmlformats-officedocument.spreadsheetml.worksheet+xml"/>
  <Override PartName="/xl/worksheets/sheet259.xml" ContentType="application/vnd.openxmlformats-officedocument.spreadsheetml.worksheet+xml"/>
  <Override PartName="/xl/worksheets/sheet260.xml" ContentType="application/vnd.openxmlformats-officedocument.spreadsheetml.worksheet+xml"/>
  <Override PartName="/xl/worksheets/sheet261.xml" ContentType="application/vnd.openxmlformats-officedocument.spreadsheetml.worksheet+xml"/>
  <Override PartName="/xl/worksheets/sheet262.xml" ContentType="application/vnd.openxmlformats-officedocument.spreadsheetml.worksheet+xml"/>
  <Override PartName="/xl/worksheets/sheet263.xml" ContentType="application/vnd.openxmlformats-officedocument.spreadsheetml.worksheet+xml"/>
  <Override PartName="/xl/worksheets/sheet264.xml" ContentType="application/vnd.openxmlformats-officedocument.spreadsheetml.worksheet+xml"/>
  <Override PartName="/xl/worksheets/sheet265.xml" ContentType="application/vnd.openxmlformats-officedocument.spreadsheetml.worksheet+xml"/>
  <Override PartName="/xl/worksheets/sheet266.xml" ContentType="application/vnd.openxmlformats-officedocument.spreadsheetml.worksheet+xml"/>
  <Override PartName="/xl/worksheets/sheet267.xml" ContentType="application/vnd.openxmlformats-officedocument.spreadsheetml.worksheet+xml"/>
  <Override PartName="/xl/worksheets/sheet268.xml" ContentType="application/vnd.openxmlformats-officedocument.spreadsheetml.worksheet+xml"/>
  <Override PartName="/xl/worksheets/sheet269.xml" ContentType="application/vnd.openxmlformats-officedocument.spreadsheetml.worksheet+xml"/>
  <Override PartName="/xl/worksheets/sheet270.xml" ContentType="application/vnd.openxmlformats-officedocument.spreadsheetml.worksheet+xml"/>
  <Override PartName="/xl/worksheets/sheet271.xml" ContentType="application/vnd.openxmlformats-officedocument.spreadsheetml.worksheet+xml"/>
  <Override PartName="/xl/worksheets/sheet272.xml" ContentType="application/vnd.openxmlformats-officedocument.spreadsheetml.worksheet+xml"/>
  <Override PartName="/xl/worksheets/sheet273.xml" ContentType="application/vnd.openxmlformats-officedocument.spreadsheetml.worksheet+xml"/>
  <Override PartName="/xl/worksheets/sheet274.xml" ContentType="application/vnd.openxmlformats-officedocument.spreadsheetml.worksheet+xml"/>
  <Override PartName="/xl/worksheets/sheet275.xml" ContentType="application/vnd.openxmlformats-officedocument.spreadsheetml.worksheet+xml"/>
  <Override PartName="/xl/worksheets/sheet276.xml" ContentType="application/vnd.openxmlformats-officedocument.spreadsheetml.worksheet+xml"/>
  <Override PartName="/xl/worksheets/sheet277.xml" ContentType="application/vnd.openxmlformats-officedocument.spreadsheetml.worksheet+xml"/>
  <Override PartName="/xl/worksheets/sheet278.xml" ContentType="application/vnd.openxmlformats-officedocument.spreadsheetml.worksheet+xml"/>
  <Override PartName="/xl/worksheets/sheet279.xml" ContentType="application/vnd.openxmlformats-officedocument.spreadsheetml.worksheet+xml"/>
  <Override PartName="/xl/worksheets/sheet280.xml" ContentType="application/vnd.openxmlformats-officedocument.spreadsheetml.worksheet+xml"/>
  <Override PartName="/xl/worksheets/sheet281.xml" ContentType="application/vnd.openxmlformats-officedocument.spreadsheetml.worksheet+xml"/>
  <Override PartName="/xl/worksheets/sheet282.xml" ContentType="application/vnd.openxmlformats-officedocument.spreadsheetml.worksheet+xml"/>
  <Override PartName="/xl/worksheets/sheet283.xml" ContentType="application/vnd.openxmlformats-officedocument.spreadsheetml.worksheet+xml"/>
  <Override PartName="/xl/worksheets/sheet284.xml" ContentType="application/vnd.openxmlformats-officedocument.spreadsheetml.worksheet+xml"/>
  <Override PartName="/xl/worksheets/sheet285.xml" ContentType="application/vnd.openxmlformats-officedocument.spreadsheetml.worksheet+xml"/>
  <Override PartName="/xl/worksheets/sheet286.xml" ContentType="application/vnd.openxmlformats-officedocument.spreadsheetml.worksheet+xml"/>
  <Override PartName="/xl/worksheets/sheet287.xml" ContentType="application/vnd.openxmlformats-officedocument.spreadsheetml.worksheet+xml"/>
  <Override PartName="/xl/worksheets/sheet288.xml" ContentType="application/vnd.openxmlformats-officedocument.spreadsheetml.worksheet+xml"/>
  <Override PartName="/xl/worksheets/sheet289.xml" ContentType="application/vnd.openxmlformats-officedocument.spreadsheetml.worksheet+xml"/>
  <Override PartName="/xl/worksheets/sheet290.xml" ContentType="application/vnd.openxmlformats-officedocument.spreadsheetml.worksheet+xml"/>
  <Override PartName="/xl/worksheets/sheet291.xml" ContentType="application/vnd.openxmlformats-officedocument.spreadsheetml.worksheet+xml"/>
  <Override PartName="/xl/worksheets/sheet292.xml" ContentType="application/vnd.openxmlformats-officedocument.spreadsheetml.worksheet+xml"/>
  <Override PartName="/xl/worksheets/sheet293.xml" ContentType="application/vnd.openxmlformats-officedocument.spreadsheetml.worksheet+xml"/>
  <Override PartName="/xl/worksheets/sheet294.xml" ContentType="application/vnd.openxmlformats-officedocument.spreadsheetml.worksheet+xml"/>
  <Override PartName="/xl/worksheets/sheet295.xml" ContentType="application/vnd.openxmlformats-officedocument.spreadsheetml.worksheet+xml"/>
  <Override PartName="/xl/worksheets/sheet296.xml" ContentType="application/vnd.openxmlformats-officedocument.spreadsheetml.worksheet+xml"/>
  <Override PartName="/xl/worksheets/sheet297.xml" ContentType="application/vnd.openxmlformats-officedocument.spreadsheetml.worksheet+xml"/>
  <Override PartName="/xl/worksheets/sheet298.xml" ContentType="application/vnd.openxmlformats-officedocument.spreadsheetml.worksheet+xml"/>
  <Override PartName="/xl/worksheets/sheet299.xml" ContentType="application/vnd.openxmlformats-officedocument.spreadsheetml.worksheet+xml"/>
  <Override PartName="/xl/worksheets/sheet300.xml" ContentType="application/vnd.openxmlformats-officedocument.spreadsheetml.worksheet+xml"/>
  <Override PartName="/xl/worksheets/sheet301.xml" ContentType="application/vnd.openxmlformats-officedocument.spreadsheetml.worksheet+xml"/>
  <Override PartName="/xl/worksheets/sheet302.xml" ContentType="application/vnd.openxmlformats-officedocument.spreadsheetml.worksheet+xml"/>
  <Override PartName="/xl/worksheets/sheet303.xml" ContentType="application/vnd.openxmlformats-officedocument.spreadsheetml.worksheet+xml"/>
  <Override PartName="/xl/worksheets/sheet304.xml" ContentType="application/vnd.openxmlformats-officedocument.spreadsheetml.worksheet+xml"/>
  <Override PartName="/xl/worksheets/sheet305.xml" ContentType="application/vnd.openxmlformats-officedocument.spreadsheetml.worksheet+xml"/>
  <Override PartName="/xl/worksheets/sheet306.xml" ContentType="application/vnd.openxmlformats-officedocument.spreadsheetml.worksheet+xml"/>
  <Override PartName="/xl/worksheets/sheet307.xml" ContentType="application/vnd.openxmlformats-officedocument.spreadsheetml.worksheet+xml"/>
  <Override PartName="/xl/worksheets/sheet308.xml" ContentType="application/vnd.openxmlformats-officedocument.spreadsheetml.worksheet+xml"/>
  <Override PartName="/xl/worksheets/sheet30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04\02_健康づくりＧ\90_歯科保健\9001_口腔衛生\09_県民歯科保健実態調査\12_県民時価保健実態調査（幼児、児童・生徒）\修正過程）報告書\"/>
    </mc:Choice>
  </mc:AlternateContent>
  <bookViews>
    <workbookView xWindow="-120" yWindow="-120" windowWidth="29040" windowHeight="15720" tabRatio="903"/>
  </bookViews>
  <sheets>
    <sheet name="高1" sheetId="384" r:id="rId1"/>
    <sheet name="1" sheetId="32" r:id="rId2"/>
    <sheet name="2" sheetId="34" r:id="rId3"/>
    <sheet name="3" sheetId="35" r:id="rId4"/>
    <sheet name="4" sheetId="36" r:id="rId5"/>
    <sheet name="5" sheetId="37" r:id="rId6"/>
    <sheet name="6" sheetId="38" r:id="rId7"/>
    <sheet name="7" sheetId="39" r:id="rId8"/>
    <sheet name="8" sheetId="40" r:id="rId9"/>
    <sheet name="9" sheetId="41" r:id="rId10"/>
    <sheet name="10" sheetId="42" r:id="rId11"/>
    <sheet name="11" sheetId="43" r:id="rId12"/>
    <sheet name="12" sheetId="44" r:id="rId13"/>
    <sheet name="13" sheetId="45" r:id="rId14"/>
    <sheet name="14" sheetId="46" r:id="rId15"/>
    <sheet name="15-1" sheetId="47" r:id="rId16"/>
    <sheet name="15-2" sheetId="325" r:id="rId17"/>
    <sheet name="16" sheetId="49" r:id="rId18"/>
    <sheet name="17" sheetId="51" r:id="rId19"/>
    <sheet name="18" sheetId="52" r:id="rId20"/>
    <sheet name="19" sheetId="53" r:id="rId21"/>
    <sheet name="20" sheetId="54" r:id="rId22"/>
    <sheet name="21" sheetId="55" r:id="rId23"/>
    <sheet name="22" sheetId="57" r:id="rId24"/>
    <sheet name="23" sheetId="58" r:id="rId25"/>
    <sheet name="24" sheetId="59" r:id="rId26"/>
    <sheet name="25" sheetId="60" r:id="rId27"/>
    <sheet name="26" sheetId="61" r:id="rId28"/>
    <sheet name="27" sheetId="63" r:id="rId29"/>
    <sheet name="28" sheetId="64" r:id="rId30"/>
    <sheet name="29" sheetId="65" r:id="rId31"/>
    <sheet name="30" sheetId="66" r:id="rId32"/>
    <sheet name="31" sheetId="67" r:id="rId33"/>
    <sheet name="32" sheetId="68" r:id="rId34"/>
    <sheet name="33" sheetId="69" r:id="rId35"/>
    <sheet name="34" sheetId="70" r:id="rId36"/>
    <sheet name="35" sheetId="71" r:id="rId37"/>
    <sheet name="36-1" sheetId="326" r:id="rId38"/>
    <sheet name="36-2" sheetId="327" r:id="rId39"/>
    <sheet name="37" sheetId="73" r:id="rId40"/>
    <sheet name="38" sheetId="75" r:id="rId41"/>
    <sheet name="39" sheetId="76" r:id="rId42"/>
    <sheet name="40" sheetId="78" r:id="rId43"/>
    <sheet name="41" sheetId="383" r:id="rId44"/>
    <sheet name="42" sheetId="85" r:id="rId45"/>
    <sheet name="43" sheetId="86" r:id="rId46"/>
    <sheet name="44" sheetId="88" r:id="rId47"/>
    <sheet name="45" sheetId="90" r:id="rId48"/>
    <sheet name="46" sheetId="91" r:id="rId49"/>
    <sheet name="47" sheetId="92" r:id="rId50"/>
    <sheet name="48" sheetId="93" r:id="rId51"/>
    <sheet name="49" sheetId="94" r:id="rId52"/>
    <sheet name="50" sheetId="95" r:id="rId53"/>
    <sheet name="51" sheetId="96" r:id="rId54"/>
    <sheet name="52" sheetId="97" r:id="rId55"/>
    <sheet name="53" sheetId="98" r:id="rId56"/>
    <sheet name="54" sheetId="99" r:id="rId57"/>
    <sheet name="55" sheetId="100" r:id="rId58"/>
    <sheet name="56-1" sheetId="328" r:id="rId59"/>
    <sheet name="56-2" sheetId="329" r:id="rId60"/>
    <sheet name="57" sheetId="102" r:id="rId61"/>
    <sheet name="58" sheetId="104" r:id="rId62"/>
    <sheet name="59" sheetId="105" r:id="rId63"/>
    <sheet name="60" sheetId="106" r:id="rId64"/>
    <sheet name="61" sheetId="107" r:id="rId65"/>
    <sheet name="62" sheetId="108" r:id="rId66"/>
    <sheet name="63" sheetId="109" r:id="rId67"/>
    <sheet name="64" sheetId="110" r:id="rId68"/>
    <sheet name="65" sheetId="111" r:id="rId69"/>
    <sheet name="66" sheetId="112" r:id="rId70"/>
    <sheet name="67" sheetId="113" r:id="rId71"/>
    <sheet name="68" sheetId="114" r:id="rId72"/>
    <sheet name="69" sheetId="115" r:id="rId73"/>
    <sheet name="70" sheetId="116" r:id="rId74"/>
    <sheet name="71" sheetId="117" r:id="rId75"/>
    <sheet name="72" sheetId="118" r:id="rId76"/>
    <sheet name="73" sheetId="119" r:id="rId77"/>
    <sheet name="74" sheetId="120" r:id="rId78"/>
    <sheet name="75" sheetId="121" r:id="rId79"/>
    <sheet name="76-1" sheetId="330" r:id="rId80"/>
    <sheet name="76-2" sheetId="331" r:id="rId81"/>
    <sheet name="77" sheetId="124" r:id="rId82"/>
    <sheet name="78" sheetId="126" r:id="rId83"/>
    <sheet name="79" sheetId="127" r:id="rId84"/>
    <sheet name="80" sheetId="128" r:id="rId85"/>
    <sheet name="81" sheetId="129" r:id="rId86"/>
    <sheet name="82" sheetId="131" r:id="rId87"/>
    <sheet name="83" sheetId="130" r:id="rId88"/>
    <sheet name="84" sheetId="132" r:id="rId89"/>
    <sheet name="85" sheetId="133" r:id="rId90"/>
    <sheet name="86" sheetId="134" r:id="rId91"/>
    <sheet name="87" sheetId="135" r:id="rId92"/>
    <sheet name="88" sheetId="136" r:id="rId93"/>
    <sheet name="89" sheetId="137" r:id="rId94"/>
    <sheet name="90" sheetId="138" r:id="rId95"/>
    <sheet name="91" sheetId="139" r:id="rId96"/>
    <sheet name="92" sheetId="140" r:id="rId97"/>
    <sheet name="93" sheetId="141" r:id="rId98"/>
    <sheet name="94" sheetId="142" r:id="rId99"/>
    <sheet name="95-1" sheetId="332" r:id="rId100"/>
    <sheet name="95-2" sheetId="333" r:id="rId101"/>
    <sheet name="96" sheetId="144" r:id="rId102"/>
    <sheet name="97" sheetId="145" r:id="rId103"/>
    <sheet name="98" sheetId="146" r:id="rId104"/>
    <sheet name="99" sheetId="147" r:id="rId105"/>
    <sheet name="100" sheetId="148" r:id="rId106"/>
    <sheet name="101" sheetId="149" r:id="rId107"/>
    <sheet name="102" sheetId="150" r:id="rId108"/>
    <sheet name="103" sheetId="151" r:id="rId109"/>
    <sheet name="104" sheetId="152" r:id="rId110"/>
    <sheet name="105" sheetId="153" r:id="rId111"/>
    <sheet name="106" sheetId="154" r:id="rId112"/>
    <sheet name="107" sheetId="155" r:id="rId113"/>
    <sheet name="108" sheetId="156" r:id="rId114"/>
    <sheet name="109" sheetId="157" r:id="rId115"/>
    <sheet name="110" sheetId="158" r:id="rId116"/>
    <sheet name="111" sheetId="159" r:id="rId117"/>
    <sheet name="112" sheetId="160" r:id="rId118"/>
    <sheet name="113" sheetId="161" r:id="rId119"/>
    <sheet name="114-1" sheetId="334" r:id="rId120"/>
    <sheet name="114-2" sheetId="335" r:id="rId121"/>
    <sheet name="115" sheetId="163" r:id="rId122"/>
    <sheet name="116" sheetId="164" r:id="rId123"/>
    <sheet name="117" sheetId="165" r:id="rId124"/>
    <sheet name="118" sheetId="166" r:id="rId125"/>
    <sheet name="119" sheetId="167" r:id="rId126"/>
    <sheet name="120" sheetId="168" r:id="rId127"/>
    <sheet name="121" sheetId="170" r:id="rId128"/>
    <sheet name="122" sheetId="171" r:id="rId129"/>
    <sheet name="123" sheetId="172" r:id="rId130"/>
    <sheet name="124" sheetId="173" r:id="rId131"/>
    <sheet name="125" sheetId="174" r:id="rId132"/>
    <sheet name="126" sheetId="175" r:id="rId133"/>
    <sheet name="127" sheetId="176" r:id="rId134"/>
    <sheet name="128" sheetId="177" r:id="rId135"/>
    <sheet name="129" sheetId="178" r:id="rId136"/>
    <sheet name="130" sheetId="179" r:id="rId137"/>
    <sheet name="131" sheetId="180" r:id="rId138"/>
    <sheet name="132-1" sheetId="337" r:id="rId139"/>
    <sheet name="132-2" sheetId="338" r:id="rId140"/>
    <sheet name="133" sheetId="182" r:id="rId141"/>
    <sheet name="134" sheetId="183" r:id="rId142"/>
    <sheet name="135" sheetId="184" r:id="rId143"/>
    <sheet name="136" sheetId="185" r:id="rId144"/>
    <sheet name="137" sheetId="186" r:id="rId145"/>
    <sheet name="138" sheetId="187" r:id="rId146"/>
    <sheet name="139" sheetId="188" r:id="rId147"/>
    <sheet name="140" sheetId="189" r:id="rId148"/>
    <sheet name="141" sheetId="190" r:id="rId149"/>
    <sheet name="142" sheetId="191" r:id="rId150"/>
    <sheet name="143" sheetId="192" r:id="rId151"/>
    <sheet name="144" sheetId="193" r:id="rId152"/>
    <sheet name="145" sheetId="194" r:id="rId153"/>
    <sheet name="146" sheetId="195" r:id="rId154"/>
    <sheet name="147" sheetId="196" r:id="rId155"/>
    <sheet name="148" sheetId="197" r:id="rId156"/>
    <sheet name="149-1" sheetId="339" r:id="rId157"/>
    <sheet name="149-2" sheetId="340" r:id="rId158"/>
    <sheet name="150" sheetId="200" r:id="rId159"/>
    <sheet name="151" sheetId="201" r:id="rId160"/>
    <sheet name="152" sheetId="202" r:id="rId161"/>
    <sheet name="153" sheetId="203" r:id="rId162"/>
    <sheet name="154" sheetId="204" r:id="rId163"/>
    <sheet name="155" sheetId="205" r:id="rId164"/>
    <sheet name="156" sheetId="206" r:id="rId165"/>
    <sheet name="157" sheetId="207" r:id="rId166"/>
    <sheet name="158" sheetId="208" r:id="rId167"/>
    <sheet name="159" sheetId="209" r:id="rId168"/>
    <sheet name="160" sheetId="210" r:id="rId169"/>
    <sheet name="161" sheetId="211" r:id="rId170"/>
    <sheet name="162" sheetId="212" r:id="rId171"/>
    <sheet name="163" sheetId="213" r:id="rId172"/>
    <sheet name="164" sheetId="214" r:id="rId173"/>
    <sheet name="165-1" sheetId="341" r:id="rId174"/>
    <sheet name="165-2" sheetId="342" r:id="rId175"/>
    <sheet name="166" sheetId="216" r:id="rId176"/>
    <sheet name="167" sheetId="217" r:id="rId177"/>
    <sheet name="168" sheetId="218" r:id="rId178"/>
    <sheet name="169" sheetId="219" r:id="rId179"/>
    <sheet name="170" sheetId="220" r:id="rId180"/>
    <sheet name="171" sheetId="221" r:id="rId181"/>
    <sheet name="172" sheetId="223" r:id="rId182"/>
    <sheet name="173" sheetId="225" r:id="rId183"/>
    <sheet name="174" sheetId="226" r:id="rId184"/>
    <sheet name="175" sheetId="227" r:id="rId185"/>
    <sheet name="176" sheetId="228" r:id="rId186"/>
    <sheet name="177" sheetId="229" r:id="rId187"/>
    <sheet name="178" sheetId="230" r:id="rId188"/>
    <sheet name="179" sheetId="231" r:id="rId189"/>
    <sheet name="180-1" sheetId="343" r:id="rId190"/>
    <sheet name="180-2" sheetId="344" r:id="rId191"/>
    <sheet name="181" sheetId="233" r:id="rId192"/>
    <sheet name="182" sheetId="234" r:id="rId193"/>
    <sheet name="183" sheetId="235" r:id="rId194"/>
    <sheet name="184" sheetId="236" r:id="rId195"/>
    <sheet name="185" sheetId="237" r:id="rId196"/>
    <sheet name="186" sheetId="238" r:id="rId197"/>
    <sheet name="187" sheetId="239" r:id="rId198"/>
    <sheet name="188" sheetId="240" r:id="rId199"/>
    <sheet name="189" sheetId="241" r:id="rId200"/>
    <sheet name="190" sheetId="242" r:id="rId201"/>
    <sheet name="191" sheetId="243" r:id="rId202"/>
    <sheet name="192" sheetId="244" r:id="rId203"/>
    <sheet name="193" sheetId="245" r:id="rId204"/>
    <sheet name="194-1" sheetId="345" r:id="rId205"/>
    <sheet name="194-2" sheetId="346" r:id="rId206"/>
    <sheet name="195" sheetId="247" r:id="rId207"/>
    <sheet name="196" sheetId="248" r:id="rId208"/>
    <sheet name="197" sheetId="249" r:id="rId209"/>
    <sheet name="198" sheetId="250" r:id="rId210"/>
    <sheet name="199" sheetId="251" r:id="rId211"/>
    <sheet name="200" sheetId="252" r:id="rId212"/>
    <sheet name="201" sheetId="253" r:id="rId213"/>
    <sheet name="202" sheetId="254" r:id="rId214"/>
    <sheet name="203" sheetId="255" r:id="rId215"/>
    <sheet name="204" sheetId="256" r:id="rId216"/>
    <sheet name="205" sheetId="257" r:id="rId217"/>
    <sheet name="206" sheetId="258" r:id="rId218"/>
    <sheet name="207-1" sheetId="347" r:id="rId219"/>
    <sheet name="207-2" sheetId="348" r:id="rId220"/>
    <sheet name="208" sheetId="260" r:id="rId221"/>
    <sheet name="209" sheetId="261" r:id="rId222"/>
    <sheet name="210" sheetId="262" r:id="rId223"/>
    <sheet name="211" sheetId="263" r:id="rId224"/>
    <sheet name="212" sheetId="264" r:id="rId225"/>
    <sheet name="213" sheetId="265" r:id="rId226"/>
    <sheet name="214" sheetId="266" r:id="rId227"/>
    <sheet name="215" sheetId="267" r:id="rId228"/>
    <sheet name="216" sheetId="268" r:id="rId229"/>
    <sheet name="217" sheetId="269" r:id="rId230"/>
    <sheet name="218" sheetId="270" r:id="rId231"/>
    <sheet name="219-1" sheetId="349" r:id="rId232"/>
    <sheet name="219-2" sheetId="350" r:id="rId233"/>
    <sheet name="220" sheetId="272" r:id="rId234"/>
    <sheet name="221" sheetId="273" r:id="rId235"/>
    <sheet name="222" sheetId="274" r:id="rId236"/>
    <sheet name="223" sheetId="275" r:id="rId237"/>
    <sheet name="224" sheetId="276" r:id="rId238"/>
    <sheet name="225" sheetId="277" r:id="rId239"/>
    <sheet name="226" sheetId="278" r:id="rId240"/>
    <sheet name="227" sheetId="279" r:id="rId241"/>
    <sheet name="228" sheetId="280" r:id="rId242"/>
    <sheet name="229" sheetId="281" r:id="rId243"/>
    <sheet name="230-1" sheetId="351" r:id="rId244"/>
    <sheet name="230-2" sheetId="352" r:id="rId245"/>
    <sheet name="231" sheetId="283" r:id="rId246"/>
    <sheet name="232" sheetId="284" r:id="rId247"/>
    <sheet name="233" sheetId="285" r:id="rId248"/>
    <sheet name="234" sheetId="286" r:id="rId249"/>
    <sheet name="235" sheetId="287" r:id="rId250"/>
    <sheet name="236" sheetId="288" r:id="rId251"/>
    <sheet name="237" sheetId="289" r:id="rId252"/>
    <sheet name="238" sheetId="290" r:id="rId253"/>
    <sheet name="239" sheetId="291" r:id="rId254"/>
    <sheet name="240-1" sheetId="353" r:id="rId255"/>
    <sheet name="240-2" sheetId="354" r:id="rId256"/>
    <sheet name="241" sheetId="293" r:id="rId257"/>
    <sheet name="242" sheetId="294" r:id="rId258"/>
    <sheet name="243" sheetId="295" r:id="rId259"/>
    <sheet name="244" sheetId="296" r:id="rId260"/>
    <sheet name="245" sheetId="297" r:id="rId261"/>
    <sheet name="246" sheetId="298" r:id="rId262"/>
    <sheet name="247" sheetId="299" r:id="rId263"/>
    <sheet name="248" sheetId="300" r:id="rId264"/>
    <sheet name="249-1" sheetId="355" r:id="rId265"/>
    <sheet name="249-2" sheetId="356" r:id="rId266"/>
    <sheet name="250" sheetId="302" r:id="rId267"/>
    <sheet name="251" sheetId="303" r:id="rId268"/>
    <sheet name="252" sheetId="304" r:id="rId269"/>
    <sheet name="253" sheetId="305" r:id="rId270"/>
    <sheet name="254" sheetId="306" r:id="rId271"/>
    <sheet name="255" sheetId="307" r:id="rId272"/>
    <sheet name="256" sheetId="308" r:id="rId273"/>
    <sheet name="257-1" sheetId="357" r:id="rId274"/>
    <sheet name="257-2" sheetId="358" r:id="rId275"/>
    <sheet name="258" sheetId="310" r:id="rId276"/>
    <sheet name="259" sheetId="311" r:id="rId277"/>
    <sheet name="260" sheetId="312" r:id="rId278"/>
    <sheet name="261" sheetId="313" r:id="rId279"/>
    <sheet name="262" sheetId="314" r:id="rId280"/>
    <sheet name="263" sheetId="315" r:id="rId281"/>
    <sheet name="264" sheetId="359" r:id="rId282"/>
    <sheet name="265" sheetId="317" r:id="rId283"/>
    <sheet name="266" sheetId="318" r:id="rId284"/>
    <sheet name="267" sheetId="319" r:id="rId285"/>
    <sheet name="268" sheetId="320" r:id="rId286"/>
    <sheet name="269" sheetId="321" r:id="rId287"/>
    <sheet name="270" sheetId="322" r:id="rId288"/>
    <sheet name="271" sheetId="362" r:id="rId289"/>
    <sheet name="272" sheetId="363" r:id="rId290"/>
    <sheet name="273" sheetId="364" r:id="rId291"/>
    <sheet name="274" sheetId="365" r:id="rId292"/>
    <sheet name="275" sheetId="366" r:id="rId293"/>
    <sheet name="276" sheetId="367" r:id="rId294"/>
    <sheet name="277" sheetId="368" r:id="rId295"/>
    <sheet name="278" sheetId="369" r:id="rId296"/>
    <sheet name="279" sheetId="370" r:id="rId297"/>
    <sheet name="280" sheetId="371" r:id="rId298"/>
    <sheet name="281" sheetId="372" r:id="rId299"/>
    <sheet name="282" sheetId="373" r:id="rId300"/>
    <sheet name="283" sheetId="374" r:id="rId301"/>
    <sheet name="284" sheetId="375" r:id="rId302"/>
    <sheet name="285" sheetId="376" r:id="rId303"/>
    <sheet name="286" sheetId="377" r:id="rId304"/>
    <sheet name="287" sheetId="378" r:id="rId305"/>
    <sheet name="288" sheetId="379" r:id="rId306"/>
    <sheet name="289" sheetId="380" r:id="rId307"/>
    <sheet name="290" sheetId="381" r:id="rId308"/>
    <sheet name="291" sheetId="382" r:id="rId309"/>
  </sheets>
  <definedNames>
    <definedName name="_xlnm.Print_Area" localSheetId="0">高1!$A$1:$W$27</definedName>
  </definedNames>
  <calcPr calcId="162913"/>
</workbook>
</file>

<file path=xl/sharedStrings.xml><?xml version="1.0" encoding="utf-8"?>
<sst xmlns="http://schemas.openxmlformats.org/spreadsheetml/2006/main" count="5473" uniqueCount="615">
  <si>
    <t>性別</t>
    <rPh sb="0" eb="2">
      <t>セイベツ</t>
    </rPh>
    <phoneticPr fontId="1"/>
  </si>
  <si>
    <t>むし歯有無</t>
    <rPh sb="2" eb="3">
      <t>バ</t>
    </rPh>
    <rPh sb="3" eb="5">
      <t>ウム</t>
    </rPh>
    <phoneticPr fontId="1"/>
  </si>
  <si>
    <t>属性</t>
    <rPh sb="0" eb="2">
      <t>ゾクセイ</t>
    </rPh>
    <phoneticPr fontId="1"/>
  </si>
  <si>
    <t>歯科保健行動</t>
    <rPh sb="0" eb="2">
      <t>シカ</t>
    </rPh>
    <rPh sb="2" eb="4">
      <t>ホケン</t>
    </rPh>
    <rPh sb="4" eb="6">
      <t>コウドウ</t>
    </rPh>
    <phoneticPr fontId="1"/>
  </si>
  <si>
    <t>歯科疾患状況</t>
    <rPh sb="0" eb="2">
      <t>シカ</t>
    </rPh>
    <rPh sb="2" eb="4">
      <t>シッカン</t>
    </rPh>
    <rPh sb="4" eb="6">
      <t>ジョウキョウ</t>
    </rPh>
    <phoneticPr fontId="1"/>
  </si>
  <si>
    <t>住所地域</t>
    <rPh sb="0" eb="2">
      <t>ジュウショ</t>
    </rPh>
    <rPh sb="2" eb="4">
      <t>チイキ</t>
    </rPh>
    <phoneticPr fontId="1"/>
  </si>
  <si>
    <t>二次医療圏</t>
    <rPh sb="0" eb="2">
      <t>ニジ</t>
    </rPh>
    <rPh sb="2" eb="4">
      <t>イリョウ</t>
    </rPh>
    <rPh sb="4" eb="5">
      <t>ケン</t>
    </rPh>
    <phoneticPr fontId="5"/>
  </si>
  <si>
    <t>横浜市</t>
  </si>
  <si>
    <t>川崎市</t>
  </si>
  <si>
    <t>相模原</t>
  </si>
  <si>
    <t>横須賀・
三浦</t>
    <phoneticPr fontId="1"/>
  </si>
  <si>
    <t>湘南東部</t>
  </si>
  <si>
    <t>湘南西部</t>
  </si>
  <si>
    <t>県央</t>
  </si>
  <si>
    <t>県西</t>
  </si>
  <si>
    <t>合計</t>
  </si>
  <si>
    <t>甘味菓子摂取頻度</t>
  </si>
  <si>
    <t>表1　住所地域と甘味菓子摂取頻度</t>
  </si>
  <si>
    <t>問4　あなたは、甘いお菓子(アメ、チョコ、ガム、アイス、スナック菓子など) を食べますか。</t>
  </si>
  <si>
    <t>毎日食べる</t>
  </si>
  <si>
    <t>ときどき食べる</t>
  </si>
  <si>
    <t>ほとんど食べない</t>
  </si>
  <si>
    <t>不明</t>
  </si>
  <si>
    <t>甘味菓子摂取頻度（問4）</t>
  </si>
  <si>
    <t>甘味菓子摂取頻度（問4-1）</t>
  </si>
  <si>
    <t>1-2回</t>
  </si>
  <si>
    <t>毎日飲む</t>
  </si>
  <si>
    <t>ときどき飲む</t>
  </si>
  <si>
    <t>ほとんど飲まない</t>
  </si>
  <si>
    <t>甘味飲料摂取頻度</t>
  </si>
  <si>
    <t>表3　住所地域と甘味飲料摂取頻度</t>
  </si>
  <si>
    <t>甘味飲料摂取頻度（問5）</t>
  </si>
  <si>
    <t>問5　あなたは、甘い飲み物(乳酸菌飲料、ジュース、スポーツドリンク、コーヒー飲料など）を飲みますか。</t>
  </si>
  <si>
    <t>毎日みがく</t>
  </si>
  <si>
    <t>ときどきみがく</t>
  </si>
  <si>
    <t>みがかない</t>
  </si>
  <si>
    <t>ほとんど
みがかない</t>
  </si>
  <si>
    <t>歯みがき頻度</t>
  </si>
  <si>
    <t>表5　住所地域と歯みがき頻度</t>
  </si>
  <si>
    <t>歯みがき頻度（問6）</t>
  </si>
  <si>
    <t>問6　あなたの歯をみがく頻度を教えてください。</t>
  </si>
  <si>
    <t>歯みがき指導の有無</t>
  </si>
  <si>
    <t>歯みがき指導の有無（問7）</t>
  </si>
  <si>
    <t>ある</t>
  </si>
  <si>
    <t>ない</t>
  </si>
  <si>
    <t>問7　あなたは歯みがき指導を受けたことがありますか。</t>
  </si>
  <si>
    <t>表7　住所地域と歯みがき指導の有無</t>
  </si>
  <si>
    <t>歯みがき時間</t>
  </si>
  <si>
    <t>歯みがき時間（問8）</t>
  </si>
  <si>
    <t>あまり時間をかけないでみがくことが多い</t>
  </si>
  <si>
    <t>問8　あなたは、時間(3分以上)をかけて歯みがきをしていますか。</t>
  </si>
  <si>
    <t>表8　住所地域と歯みがき時間</t>
  </si>
  <si>
    <t>ほぼ毎日使う</t>
  </si>
  <si>
    <t>ときどき使う</t>
  </si>
  <si>
    <t>使わない</t>
  </si>
  <si>
    <t>歯間清掃用具使用</t>
  </si>
  <si>
    <t>歯間清掃用具使用（問9）</t>
  </si>
  <si>
    <t>表9　住所地域と歯間清掃用具使用</t>
  </si>
  <si>
    <t>問9　あなたは、デンタルフロス（糸付きようじ）を使っていますか。</t>
  </si>
  <si>
    <t>口腔内自己観察</t>
  </si>
  <si>
    <t>口腔内自己観察（問10）</t>
  </si>
  <si>
    <t>毎日している</t>
  </si>
  <si>
    <t>ほとんどない</t>
  </si>
  <si>
    <t>わからない</t>
  </si>
  <si>
    <t>表10　住所地域と口腔内自己観察</t>
  </si>
  <si>
    <t>問10　あなたは、歯や歯ぐきの様子を観察する習慣がありますか。</t>
  </si>
  <si>
    <t>フッ素歯磨剤使用有無</t>
  </si>
  <si>
    <t>フッ素歯磨剤使用有無（問11）</t>
  </si>
  <si>
    <t>表11　住所地域とフッ素歯磨剤使用有無</t>
  </si>
  <si>
    <t>毎日使う</t>
  </si>
  <si>
    <t>フッ化物が入っているかわからない</t>
  </si>
  <si>
    <t>問11　あなたが歯をみがく時、フッ化物（フッ素）入りの歯みがき剤を使っていますか。</t>
  </si>
  <si>
    <t>フッ化物洗口有無</t>
  </si>
  <si>
    <t>フッ化物洗口有無（問12）</t>
  </si>
  <si>
    <t>表12　住所地域とフッ化物洗口有無</t>
  </si>
  <si>
    <t>問12　あなたは、フッ化物（フッ素）入りの洗口液を使ったぶくぶくうがいをしたことはありますか。</t>
  </si>
  <si>
    <t>フッ化物塗布有無</t>
  </si>
  <si>
    <t>表13  住所地域とフッ化物塗布有無</t>
  </si>
  <si>
    <t>フッ化物塗布有無（問13）</t>
  </si>
  <si>
    <t>問13　あなたは、歯科医院や市町村の歯科検診などでフッ化物（フッ素）歯面塗布をしたことはありますか</t>
  </si>
  <si>
    <t>歯科受診経験有無</t>
  </si>
  <si>
    <t>歯科受診経験有無（問14）</t>
  </si>
  <si>
    <t>表14  住所地域と歯科受診経験有無</t>
  </si>
  <si>
    <t>受診内容</t>
  </si>
  <si>
    <t>かかりつけ歯科有無</t>
  </si>
  <si>
    <t>表16  住所地域とかかりつけ歯科有無</t>
  </si>
  <si>
    <t>決めている</t>
  </si>
  <si>
    <t>決めていない</t>
  </si>
  <si>
    <t>かかりつけ歯科有無（問15）</t>
  </si>
  <si>
    <t>問15 あなたは、かかりつけの歯科医院を決めていますか。</t>
  </si>
  <si>
    <t>受診のすすめ</t>
  </si>
  <si>
    <t>表17  住所地域と受診のすすめ</t>
  </si>
  <si>
    <t>受診のすすめ（問15-1）</t>
  </si>
  <si>
    <t>歯科恐怖・拒否</t>
  </si>
  <si>
    <t>とても感じる</t>
  </si>
  <si>
    <t>少し感じる</t>
  </si>
  <si>
    <t>あまり感じない</t>
  </si>
  <si>
    <t>まったく感じない</t>
  </si>
  <si>
    <t>表18  住所地域と歯科恐怖・拒否</t>
  </si>
  <si>
    <t>歯科恐怖・拒否（問17）</t>
  </si>
  <si>
    <t>顎関節症状</t>
  </si>
  <si>
    <t>表19  住所地域と顎関節症状</t>
  </si>
  <si>
    <t>顎関節症状（問16）</t>
  </si>
  <si>
    <t>ときどきある</t>
  </si>
  <si>
    <t>むし歯有無</t>
  </si>
  <si>
    <t>表20  住所地域とむし歯有無</t>
  </si>
  <si>
    <t>むし歯有無（問18）</t>
  </si>
  <si>
    <t>あるかどうかわからない</t>
  </si>
  <si>
    <t>むし歯本数</t>
  </si>
  <si>
    <t>むし歯本数（問18-1）</t>
  </si>
  <si>
    <t>1-2本</t>
  </si>
  <si>
    <t>3-5本</t>
  </si>
  <si>
    <t>6本以上</t>
  </si>
  <si>
    <t>表21  住所地域とむし歯本数</t>
  </si>
  <si>
    <t>男</t>
  </si>
  <si>
    <t>女</t>
  </si>
  <si>
    <t>歯みがき指導の有無(問7）</t>
  </si>
  <si>
    <t>歯みがき時間(問8）</t>
  </si>
  <si>
    <t>歯間清掃用具使用(問9）</t>
  </si>
  <si>
    <t>口腔内自己観察(問10）</t>
  </si>
  <si>
    <t>フッ素歯磨剤使用有無(問11）</t>
  </si>
  <si>
    <t>フッ化物洗口有無(問12）</t>
  </si>
  <si>
    <t>フッ化物塗布有無(問13）</t>
  </si>
  <si>
    <t>歯科受診経験有無(問14）</t>
  </si>
  <si>
    <t>かかりつけ歯科有無(問15）</t>
  </si>
  <si>
    <t>受診のすすめ(問15-1）</t>
  </si>
  <si>
    <t>歯科恐怖・拒否(問17）</t>
  </si>
  <si>
    <t>顎関節症状(問16）</t>
  </si>
  <si>
    <t>むし歯有無(問18）</t>
  </si>
  <si>
    <t>問18 あなたは、むし歯がありますか。</t>
  </si>
  <si>
    <t>むし歯本数(問18-1）</t>
  </si>
  <si>
    <t>出生順位</t>
  </si>
  <si>
    <t>第1子</t>
  </si>
  <si>
    <t>第2子</t>
  </si>
  <si>
    <t>第3子</t>
  </si>
  <si>
    <t>第4子以上</t>
  </si>
  <si>
    <t>性別</t>
  </si>
  <si>
    <t>ほとんどみがかない</t>
  </si>
  <si>
    <t>1人</t>
  </si>
  <si>
    <t>2人</t>
  </si>
  <si>
    <t>3人</t>
  </si>
  <si>
    <t>4人以上</t>
  </si>
  <si>
    <t>兄弟姉妹数</t>
  </si>
  <si>
    <t>問18-1 むし歯の本数を教えてください。</t>
  </si>
  <si>
    <t>甘味飲料摂取頻度(問5）</t>
  </si>
  <si>
    <t>3回以上</t>
  </si>
  <si>
    <t>歯みがき頻度(問6）</t>
  </si>
  <si>
    <t>本数は
わからない</t>
  </si>
  <si>
    <t>歯みがき
頻度</t>
  </si>
  <si>
    <t>あまり
感じない</t>
  </si>
  <si>
    <t>少し
感じる</t>
  </si>
  <si>
    <t>まったく
感じない</t>
  </si>
  <si>
    <t>1回</t>
  </si>
  <si>
    <t>2回</t>
  </si>
  <si>
    <t>フッ素歯磨剤使用有無(問12）</t>
  </si>
  <si>
    <t>問8　あなたは、時間(3分以上)をかけて歯みがきをしていますか</t>
  </si>
  <si>
    <t>週に1回以上している</t>
  </si>
  <si>
    <t>月に1回程度している</t>
  </si>
  <si>
    <t>歯科検診
（問14-1-2）</t>
  </si>
  <si>
    <t>歯みがき指導
（問14-1-3）</t>
  </si>
  <si>
    <t>フッ化物歯面塗布
（問14-1-4）</t>
  </si>
  <si>
    <t>フッ化物洗口の指導
（問14-1-5）</t>
  </si>
  <si>
    <t>シーラント処置
（問14-1-6）</t>
  </si>
  <si>
    <t>むし歯の治療
（問14-1-7）</t>
  </si>
  <si>
    <t>歯や口のけがの治療
（問14-1-8）</t>
  </si>
  <si>
    <t>歯科矯正
（問14-1-9）</t>
  </si>
  <si>
    <t>その他
（問14-1-10）</t>
  </si>
  <si>
    <t xml:space="preserve"> 歯みがき頻度</t>
  </si>
  <si>
    <t>歯みがき指導</t>
  </si>
  <si>
    <t>シーラント処置</t>
  </si>
  <si>
    <t>むし歯の治療</t>
  </si>
  <si>
    <t>歯や口のけがの治療</t>
  </si>
  <si>
    <t>歯科矯正</t>
  </si>
  <si>
    <t>その他</t>
  </si>
  <si>
    <t>フッ素歯磨剤
使用有無</t>
  </si>
  <si>
    <t>フッ化物歯面塗布</t>
  </si>
  <si>
    <t>フッ化物洗口の指導</t>
  </si>
  <si>
    <t xml:space="preserve"> 受診内容</t>
  </si>
  <si>
    <t>歯科検診</t>
  </si>
  <si>
    <t>ときどき
飲む</t>
  </si>
  <si>
    <t>はい</t>
  </si>
  <si>
    <t>いいえ</t>
  </si>
  <si>
    <t>ときどき
食べる</t>
  </si>
  <si>
    <t>決めて
いる</t>
  </si>
  <si>
    <t>とても
感じる</t>
  </si>
  <si>
    <t>毎日
飲む</t>
  </si>
  <si>
    <t>ときどき
みがく</t>
  </si>
  <si>
    <t>時間をかけて
みがくことが多い</t>
    <phoneticPr fontId="1"/>
  </si>
  <si>
    <t>あまり時間をかけないで
みがくことが多い</t>
    <phoneticPr fontId="1"/>
  </si>
  <si>
    <t>フッ化物が入っているかわからない</t>
    <phoneticPr fontId="1"/>
  </si>
  <si>
    <t>フッ化物が
入っているか
わからない</t>
    <phoneticPr fontId="1"/>
  </si>
  <si>
    <t>わから
ない</t>
    <phoneticPr fontId="1"/>
  </si>
  <si>
    <t>問14　あなたは、歯科医院でみてもらったことがありますか。</t>
    <phoneticPr fontId="1"/>
  </si>
  <si>
    <t>決めて
いる</t>
    <phoneticPr fontId="1"/>
  </si>
  <si>
    <t>決めて
いない</t>
    <phoneticPr fontId="1"/>
  </si>
  <si>
    <t>あまり
感じない</t>
    <phoneticPr fontId="1"/>
  </si>
  <si>
    <t>とても感じる</t>
    <phoneticPr fontId="1"/>
  </si>
  <si>
    <t>少し感じる</t>
    <phoneticPr fontId="1"/>
  </si>
  <si>
    <t>あるかどうかわからない</t>
    <phoneticPr fontId="1"/>
  </si>
  <si>
    <t>問5　あなたは、甘い飲み物(乳酸菌飲料、ジュース、スポーツドリンク、コーヒー飲料など）を飲みますか。</t>
    <phoneticPr fontId="1"/>
  </si>
  <si>
    <t>ほとんど
みがかない</t>
    <phoneticPr fontId="1"/>
  </si>
  <si>
    <t>あるかどうか
わからない</t>
    <phoneticPr fontId="1"/>
  </si>
  <si>
    <t>性別</t>
    <rPh sb="0" eb="2">
      <t>セイベツ</t>
    </rPh>
    <phoneticPr fontId="5"/>
  </si>
  <si>
    <t>本数は
わからない</t>
    <phoneticPr fontId="1"/>
  </si>
  <si>
    <t>問4　あなたは、甘いお菓子(アメ、チョコ、ガム、アイス、スナック菓子など) を食べますか。</t>
    <phoneticPr fontId="1"/>
  </si>
  <si>
    <t>毎日
食べる</t>
    <phoneticPr fontId="1"/>
  </si>
  <si>
    <t>毎日
飲む</t>
    <phoneticPr fontId="1"/>
  </si>
  <si>
    <t>ときどき
食べる</t>
    <phoneticPr fontId="1"/>
  </si>
  <si>
    <t>ほとんど
食べない</t>
    <phoneticPr fontId="1"/>
  </si>
  <si>
    <t>毎日食べる</t>
    <phoneticPr fontId="1"/>
  </si>
  <si>
    <t>甘味菓子
摂取頻度</t>
    <phoneticPr fontId="1"/>
  </si>
  <si>
    <t>フッ化物が入って
いるかわからない</t>
    <phoneticPr fontId="1"/>
  </si>
  <si>
    <t>とても
感じる</t>
    <phoneticPr fontId="1"/>
  </si>
  <si>
    <t>問8　あなたは、時間(3分以上)をかけて歯みがきをしていますか。</t>
    <phoneticPr fontId="1"/>
  </si>
  <si>
    <t>ほぼ毎日
使う</t>
    <phoneticPr fontId="1"/>
  </si>
  <si>
    <t>ときどき
使う</t>
    <phoneticPr fontId="1"/>
  </si>
  <si>
    <t>問15-1　決めていると答えた方
かかりつけの歯科医院から定期検診の受診のすすめ（口頭での説明、ハガキ、電子メールなど）がありますか。</t>
    <phoneticPr fontId="1"/>
  </si>
  <si>
    <t>問17　あなたは、歯科検診や歯科治療を「怖い」「嫌だ」と感じますか。</t>
    <phoneticPr fontId="1"/>
  </si>
  <si>
    <t>問18-1　むし歯の本数を教えてください。</t>
    <phoneticPr fontId="1"/>
  </si>
  <si>
    <t>甘味飲料
摂取頻度</t>
    <phoneticPr fontId="1"/>
  </si>
  <si>
    <t>ときどき
飲む</t>
    <phoneticPr fontId="1"/>
  </si>
  <si>
    <t>ほとんど
飲まない</t>
    <phoneticPr fontId="1"/>
  </si>
  <si>
    <t>みがか
ない</t>
    <phoneticPr fontId="1"/>
  </si>
  <si>
    <t>わからない</t>
    <phoneticPr fontId="1"/>
  </si>
  <si>
    <t>毎日飲む</t>
    <phoneticPr fontId="1"/>
  </si>
  <si>
    <t>問15　あなたは、かかりつけの歯科医院を決めていますか。</t>
    <phoneticPr fontId="1"/>
  </si>
  <si>
    <t>ときどき
ある</t>
    <phoneticPr fontId="1"/>
  </si>
  <si>
    <t>問16　あなたは、口を大きく開けたり閉じたりする時に、あごの関節に痛みを感じたり、開けにくかったり、音がすることがありますか。</t>
    <phoneticPr fontId="1"/>
  </si>
  <si>
    <t>毎日
みがく</t>
    <phoneticPr fontId="1"/>
  </si>
  <si>
    <t>ときどき
みがく</t>
    <phoneticPr fontId="1"/>
  </si>
  <si>
    <t>少し
感じる</t>
    <phoneticPr fontId="1"/>
  </si>
  <si>
    <t>ほとんどみがかない</t>
    <phoneticPr fontId="1"/>
  </si>
  <si>
    <t>歯みがき頻度</t>
    <phoneticPr fontId="1"/>
  </si>
  <si>
    <t>まったく
感じない</t>
    <phoneticPr fontId="1"/>
  </si>
  <si>
    <t>毎日
している</t>
    <phoneticPr fontId="1"/>
  </si>
  <si>
    <t>週に
1回以上
している</t>
    <phoneticPr fontId="1"/>
  </si>
  <si>
    <t>月に
1回程度
している</t>
    <phoneticPr fontId="1"/>
  </si>
  <si>
    <t>ほとんど
ない</t>
    <phoneticPr fontId="1"/>
  </si>
  <si>
    <t>問10　あなたは、歯や歯ぐきの様子を観察する習慣がありますか。</t>
    <phoneticPr fontId="1"/>
  </si>
  <si>
    <t>問13　あなたは、歯科医院や市町村の歯科検診などでフッ化物（フッ素）歯面塗布をしたことはありますか。</t>
    <phoneticPr fontId="1"/>
  </si>
  <si>
    <t>歯みがき
指導の
有無</t>
    <phoneticPr fontId="1"/>
  </si>
  <si>
    <t>1日の
歯みがき
回数</t>
  </si>
  <si>
    <t>甘味飲料の1日の摂取回数</t>
  </si>
  <si>
    <t>甘味菓子の
1日の
摂取回数</t>
  </si>
  <si>
    <t>表25  性別と甘味飲料の1日の摂取回数</t>
  </si>
  <si>
    <t>表6　住所地域と1日の歯みがき回数</t>
  </si>
  <si>
    <t>表4　住所地域と甘味飲料の1日の摂取回数</t>
  </si>
  <si>
    <t>表2　住所地域と甘味菓子の1日の摂取回数</t>
  </si>
  <si>
    <t>1日の歯みがき回数</t>
  </si>
  <si>
    <t>1日の
歯みがき回数</t>
  </si>
  <si>
    <t>1日の歯みがき回数(問6-1）</t>
  </si>
  <si>
    <t>問6-1　歯を毎日みがくー1日歯みがき回数</t>
  </si>
  <si>
    <t>甘味飲料の
1日の
摂取回数</t>
  </si>
  <si>
    <t>甘味飲料の1日の
摂取回数</t>
  </si>
  <si>
    <t>甘味飲料の1日の摂取回数(問5-1）</t>
  </si>
  <si>
    <t>甘味菓子の1日の
摂取回数</t>
  </si>
  <si>
    <t>甘味菓子の1日の摂取回数</t>
  </si>
  <si>
    <t>1日の歯みがき回数（問6-1）</t>
  </si>
  <si>
    <t>甘味飲料の1日の摂取回数（問5-1）</t>
  </si>
  <si>
    <t>甘味菓子の1日の摂取回数（問4-1）</t>
  </si>
  <si>
    <t>歯みがき
指導の有無</t>
    <phoneticPr fontId="1"/>
  </si>
  <si>
    <t>問18　あなたは、むし歯がありますか。</t>
    <phoneticPr fontId="1"/>
  </si>
  <si>
    <t>時間をかけて
みがくことが
多い</t>
    <phoneticPr fontId="1"/>
  </si>
  <si>
    <t>毎日
して
いる</t>
    <phoneticPr fontId="1"/>
  </si>
  <si>
    <t>あまり時間を
かけないで
みがくことが
多い</t>
    <phoneticPr fontId="1"/>
  </si>
  <si>
    <t>歯みがき
時間</t>
    <phoneticPr fontId="1"/>
  </si>
  <si>
    <t>週に
1回
以上
して
いる</t>
    <phoneticPr fontId="1"/>
  </si>
  <si>
    <t>月に
1回
程度
して
いる</t>
    <phoneticPr fontId="1"/>
  </si>
  <si>
    <t>ほと
んど
ない</t>
    <phoneticPr fontId="1"/>
  </si>
  <si>
    <t>とき
どき
使う</t>
    <phoneticPr fontId="1"/>
  </si>
  <si>
    <t>毎日
使う</t>
    <phoneticPr fontId="1"/>
  </si>
  <si>
    <t>使わ
ない</t>
    <phoneticPr fontId="1"/>
  </si>
  <si>
    <t>フッ化物
が入って
いるか
わから
ない</t>
    <phoneticPr fontId="1"/>
  </si>
  <si>
    <t>あまり時間を
かけないで
みがくことが多い</t>
    <phoneticPr fontId="1"/>
  </si>
  <si>
    <t>フッ化物洗口の
指導
（問14-1-5）</t>
    <phoneticPr fontId="1"/>
  </si>
  <si>
    <t>歯や口のけがの
治療
（問14-1-8）</t>
    <phoneticPr fontId="1"/>
  </si>
  <si>
    <t>本数は
わから
ない</t>
    <phoneticPr fontId="1"/>
  </si>
  <si>
    <t>歯間清掃
用具使用</t>
    <phoneticPr fontId="1"/>
  </si>
  <si>
    <t>表15-1  住所地域と受診内容</t>
    <phoneticPr fontId="1"/>
  </si>
  <si>
    <t>表15-2  住所地域と受診内容</t>
    <phoneticPr fontId="1"/>
  </si>
  <si>
    <t>問18-1　むし歯の本数を教えてください</t>
    <phoneticPr fontId="1"/>
  </si>
  <si>
    <t>表22　性別と甘味菓子摂取頻度</t>
    <phoneticPr fontId="1"/>
  </si>
  <si>
    <t>表24　性別と甘味飲料摂取頻度</t>
    <phoneticPr fontId="1"/>
  </si>
  <si>
    <t>表26　性別と歯みがき頻度</t>
    <phoneticPr fontId="1"/>
  </si>
  <si>
    <t>表27　性別と1日の歯みがき回数</t>
    <phoneticPr fontId="1"/>
  </si>
  <si>
    <t>表28　性別と歯みがき指導の有無</t>
    <phoneticPr fontId="1"/>
  </si>
  <si>
    <t>表29　性別と歯みがき時間</t>
    <phoneticPr fontId="1"/>
  </si>
  <si>
    <t>表30　性別と歯間清掃用具使用</t>
    <phoneticPr fontId="1"/>
  </si>
  <si>
    <t>ほぼ毎日使う</t>
    <phoneticPr fontId="1"/>
  </si>
  <si>
    <t>表32　性別とフッ素歯磨剤使用有無</t>
    <phoneticPr fontId="1"/>
  </si>
  <si>
    <t>表33　性別とフッ化物洗口有無</t>
    <phoneticPr fontId="1"/>
  </si>
  <si>
    <t>表34　性別とフッ化物塗布有無</t>
    <phoneticPr fontId="1"/>
  </si>
  <si>
    <t>表35　性別と歯科受診経験有無</t>
    <phoneticPr fontId="1"/>
  </si>
  <si>
    <t>表36-2　性別と受診内容</t>
    <phoneticPr fontId="1"/>
  </si>
  <si>
    <t>表37　性別とかかりつけ歯科有無</t>
    <phoneticPr fontId="1"/>
  </si>
  <si>
    <t>出生順位</t>
    <phoneticPr fontId="1"/>
  </si>
  <si>
    <t>問14-1　問14に「ある」と答えた方、この1年間に歯科医院で受けたものすべてに〇をつけてください。</t>
  </si>
  <si>
    <t>この1年間では、歯科医院にかかっていない
（問14-1-1）</t>
  </si>
  <si>
    <t>問14-1　問14に「ある」と答えた方、この1年間に、歯科医院で受けたものすべてに〇をつけてください。</t>
    <rPh sb="6" eb="7">
      <t>ト</t>
    </rPh>
    <phoneticPr fontId="1"/>
  </si>
  <si>
    <t>この1年間では、歯科医院にかかっていない</t>
  </si>
  <si>
    <t>問14-1　問14 に「ある」と答えた方、この1年間に歯科医院で受けたものすべてに〇をつけてください。</t>
  </si>
  <si>
    <t>問14-1　問14 に「ある」と答えた方、この1年間に，歯科医院で受けたものすべてに〇をつけてください。</t>
  </si>
  <si>
    <t>問14-1　問14に「ある」と答えた方、この1年間に歯科医院で受けたものすべてに〇をつけてください。</t>
    <phoneticPr fontId="1"/>
  </si>
  <si>
    <t>ときどき食べる</t>
    <phoneticPr fontId="1"/>
  </si>
  <si>
    <t>ほとんど食べない</t>
    <phoneticPr fontId="1"/>
  </si>
  <si>
    <t>甘味菓子摂取頻度</t>
    <phoneticPr fontId="1"/>
  </si>
  <si>
    <t>この1年間では、歯科医院にかかっていない
（問14-1-1）</t>
    <phoneticPr fontId="1"/>
  </si>
  <si>
    <t>甘味菓子の
1日の摂取回数</t>
    <phoneticPr fontId="1"/>
  </si>
  <si>
    <t>甘味菓子の1日の摂取回数</t>
    <phoneticPr fontId="1"/>
  </si>
  <si>
    <t>甘味菓子の
1日の
摂取回数</t>
    <phoneticPr fontId="1"/>
  </si>
  <si>
    <t>問14-1　問14に「ある」と答えた方、この１年間に歯科医院で受けたものすべてに〇をつけてください。</t>
    <phoneticPr fontId="1"/>
  </si>
  <si>
    <t>甘味飲料
の1日の
摂取回数</t>
    <phoneticPr fontId="1"/>
  </si>
  <si>
    <t>甘味飲料の
1日の摂取回数</t>
    <phoneticPr fontId="1"/>
  </si>
  <si>
    <t>表38　性別と歯科恐怖・拒否</t>
  </si>
  <si>
    <t>表39　性別と顎関節症状</t>
  </si>
  <si>
    <t>表40　性別とむし歯有無</t>
  </si>
  <si>
    <t>表41  性別とむし歯本数</t>
  </si>
  <si>
    <t>表42　出生順位と甘味菓子摂取頻度</t>
  </si>
  <si>
    <t>表43　出生順位と甘味菓子の1日の摂取回数</t>
  </si>
  <si>
    <t>表44　出生順位と甘味飲料摂取頻度</t>
  </si>
  <si>
    <t>表45　出生順位と甘味飲料の1日の摂取回数</t>
  </si>
  <si>
    <t>表46　出生順位と歯みがき頻度</t>
  </si>
  <si>
    <t>表47　出生順位と1日の歯みがき回数</t>
  </si>
  <si>
    <t>表48　出生順位と歯みがき指導の有無</t>
  </si>
  <si>
    <t>表49　出生順位と歯みがき時間</t>
  </si>
  <si>
    <t>表50　出生順位と歯間清掃用具使用</t>
  </si>
  <si>
    <t>表51　出生順位と口腔内自己観察</t>
  </si>
  <si>
    <t>表52　出生順位とフッ素歯磨剤使用有無</t>
  </si>
  <si>
    <t>表53　出生順位とフッ化物洗口有無</t>
  </si>
  <si>
    <t>表54　出生順位とフッ化物塗布有無</t>
  </si>
  <si>
    <t>表55　出生順位と歯科受診経験有無</t>
  </si>
  <si>
    <t>表56-1  出生順位と受診内容</t>
  </si>
  <si>
    <t>表56-2  出生順位と受診内容</t>
  </si>
  <si>
    <t>表57　出生順位とかかりつけ歯科有無</t>
  </si>
  <si>
    <t>表58　出生順位と歯科恐怖・拒否</t>
  </si>
  <si>
    <t>表59　出生順位と顎関節症状</t>
  </si>
  <si>
    <t>表60　出生順位とむし歯有無</t>
  </si>
  <si>
    <t>表61　出生順位とむし歯本数</t>
  </si>
  <si>
    <t>表62　兄弟姉妹数と甘味菓子摂取頻度</t>
  </si>
  <si>
    <t>表63　兄弟姉妹数と甘味菓子の1日の摂取回数</t>
  </si>
  <si>
    <t>表64　兄弟姉妹数と甘味飲料摂取頻度</t>
  </si>
  <si>
    <t>表65　兄弟姉妹数と甘味飲料の1日の摂取回数</t>
  </si>
  <si>
    <t>表66　兄弟姉妹数と歯みがき頻度</t>
  </si>
  <si>
    <t>表67　兄弟姉妹数と1日の歯みがき回数</t>
  </si>
  <si>
    <t>表68　兄弟姉妹数と歯みがき指導の有無</t>
  </si>
  <si>
    <t>表69　兄弟姉妹数と歯みがき時間</t>
  </si>
  <si>
    <t>表70　兄弟姉妹数と歯間清掃用具使用</t>
  </si>
  <si>
    <t>表72　兄弟姉妹数とフッ素歯磨剤使用有無</t>
  </si>
  <si>
    <t>表73  兄弟姉妹数とフッ化物洗口有無</t>
  </si>
  <si>
    <t>表74　兄弟姉妹数とフッ化物塗布有無</t>
  </si>
  <si>
    <t>表75　兄弟姉妹数と歯科受診経験有無</t>
  </si>
  <si>
    <t>表76-1　兄弟姉妹数と受診内容</t>
  </si>
  <si>
    <t>表76-2　兄弟姉妹数と受診内容</t>
  </si>
  <si>
    <t>表77　兄弟姉妹数とかかりつけ歯科有無</t>
  </si>
  <si>
    <t>表78　兄弟姉妹数と歯科恐怖・拒否</t>
  </si>
  <si>
    <t>表79　兄弟姉妹数と顎関節症状</t>
  </si>
  <si>
    <t>表80　兄弟姉妹数とむし歯有無</t>
  </si>
  <si>
    <t>表81　兄弟姉妹数とむし歯本数</t>
  </si>
  <si>
    <t>表82　甘味菓子摂取頻度と甘味菓子の1日の摂取回数</t>
  </si>
  <si>
    <t>表83　甘味菓子摂取頻度と甘味飲料摂取頻度</t>
  </si>
  <si>
    <t>表84　甘味菓子摂取頻度と甘味飲料の1日の摂取回数</t>
  </si>
  <si>
    <t>表85　甘味菓子摂取頻度と歯みがき頻度</t>
  </si>
  <si>
    <t>表86　甘味菓子摂取頻度と1日の歯みがき回数</t>
  </si>
  <si>
    <t>表87　甘味菓子摂取頻度と歯みがき指導の有無</t>
  </si>
  <si>
    <t>表88　甘味菓子摂取頻度と歯みがき時間</t>
  </si>
  <si>
    <t>表89　甘味菓子摂取頻度と歯間清掃用具使用</t>
  </si>
  <si>
    <t>表90　甘味菓子摂取頻度と口腔内自己観察</t>
  </si>
  <si>
    <t>表91  甘味菓子摂取頻度とフッ素歯磨剤使用有無</t>
  </si>
  <si>
    <t>表92  甘味菓子摂取頻度とフッ化物洗口有無</t>
  </si>
  <si>
    <t>表93  甘味菓子摂取頻度とフッ化物塗布有無</t>
  </si>
  <si>
    <t>表94  甘味菓子摂取頻度と歯科受診経験有無</t>
  </si>
  <si>
    <t>表95-1  甘味菓子摂取頻度と受診内容</t>
  </si>
  <si>
    <t>表95-2  甘味菓子摂取頻度と受診内容</t>
  </si>
  <si>
    <t>表96  甘味菓子摂取頻度とかかりつけ歯科有無</t>
  </si>
  <si>
    <t>表97  甘味菓子摂取頻度と受診のすすめ</t>
  </si>
  <si>
    <t>表98  甘味菓子摂取頻度と歯科恐怖・拒否</t>
  </si>
  <si>
    <t>表99  甘味菓子摂取頻度と顎関節症状</t>
  </si>
  <si>
    <t>表100  甘味菓子摂取頻度とむし歯有無</t>
  </si>
  <si>
    <t>表101  甘味菓子摂取頻度とむし歯本数</t>
  </si>
  <si>
    <t>表102  甘味菓子の1日の摂取回数と甘味飲料摂取頻度</t>
  </si>
  <si>
    <t>表103  甘味菓子の1日の摂取回数と甘味飲料の1日の摂取回数</t>
  </si>
  <si>
    <t>表104  甘味菓子の1日の摂取回数と歯みがき頻度</t>
  </si>
  <si>
    <t>表105  甘味菓子の1日の摂取回数と1日の歯みがき回数</t>
  </si>
  <si>
    <t>表106  甘味菓子の1日の摂取回数と歯みがき指導の有無</t>
  </si>
  <si>
    <t>表107  甘味菓子の1日の摂取回数と歯みがき時間</t>
  </si>
  <si>
    <t>表108  甘味菓子の1日の摂取回数と歯間清掃用具使用</t>
  </si>
  <si>
    <t>表109  甘味菓子の1日の摂取回数と口腔内自己観察</t>
  </si>
  <si>
    <t>表110  甘味菓子の1日の摂取回数とフッ素歯磨剤使用有無</t>
  </si>
  <si>
    <t>表111  甘味菓子の1日の摂取回数とフッ化物洗口有無</t>
  </si>
  <si>
    <t>表112  甘味菓子の1日の摂取回数とフッ化物塗布有無</t>
  </si>
  <si>
    <t>表113　甘味菓子の1日の摂取回数と歯科受診経験有無</t>
  </si>
  <si>
    <t>表114-1　甘味菓子の1日の摂取回数と受診内容</t>
  </si>
  <si>
    <t>表114-2　甘味菓子の1日の摂取回数と受診内容</t>
  </si>
  <si>
    <t>表115　甘味菓子の1日の摂取回数とかかりつけ歯科有無</t>
  </si>
  <si>
    <t>表116  甘味菓子の1日の摂取回数と受診のすすめ</t>
  </si>
  <si>
    <t>表117  甘味菓子の1日の摂取回数と歯科恐怖・拒否</t>
  </si>
  <si>
    <t>表118  甘味菓子の1日の摂取回数と顎関節症状</t>
  </si>
  <si>
    <t>表119　甘味菓子の1日の摂取回数とむし歯有無</t>
  </si>
  <si>
    <t>表120　甘味菓子の1日の摂取回数とむし歯本数</t>
  </si>
  <si>
    <t>表121  甘味飲料摂取頻度と甘味飲料の1日の摂取回数</t>
  </si>
  <si>
    <t>表122  甘味飲料摂取頻度と歯みがき頻度</t>
  </si>
  <si>
    <t>表123  甘味飲料摂取頻度と1日の歯みがき回数</t>
  </si>
  <si>
    <t>表124  甘味飲料摂取頻度と歯みがき指導の有無</t>
  </si>
  <si>
    <t>表125  甘味飲料摂取頻度と歯みがき時間</t>
  </si>
  <si>
    <t>表126  甘味飲料摂取頻度と歯間清掃用具使用</t>
  </si>
  <si>
    <t>表127  甘味飲料摂取頻度と口腔内自己観察</t>
  </si>
  <si>
    <t>表128  甘味飲料摂取頻度とフッ素歯磨剤使用有無</t>
  </si>
  <si>
    <t>表129  甘味飲料摂取頻度とフッ化物洗口有無</t>
  </si>
  <si>
    <t>表130  甘味飲料摂取頻度とフッ化物塗布有無</t>
  </si>
  <si>
    <t>表131  甘味飲料摂取頻度と歯科受診経験有無</t>
  </si>
  <si>
    <t>表132-1  甘味飲料摂取頻度と受診内容</t>
  </si>
  <si>
    <t>表132-2  甘味飲料摂取頻度と受診内容</t>
  </si>
  <si>
    <t>表133  甘味飲料摂取頻度とかかりつけ歯科有無</t>
  </si>
  <si>
    <t>表134  甘味飲料摂取頻度と受診のすすめ</t>
  </si>
  <si>
    <t>表135  甘味飲料摂取頻度と歯科恐怖・拒否</t>
  </si>
  <si>
    <t>表136  甘味飲料摂取頻度と顎関節症状</t>
  </si>
  <si>
    <t>表137  甘味飲料摂取頻度とむし歯有無</t>
  </si>
  <si>
    <t>表138  甘味飲料摂取頻度とむし歯本数</t>
  </si>
  <si>
    <t>表139  甘味飲料の1日の摂取回数と歯みがき頻度</t>
  </si>
  <si>
    <t>表140  甘味飲料の1日の摂取回数と1日の歯みがき回数</t>
  </si>
  <si>
    <t>表141  甘味飲料の1日の摂取回数と歯みがき指導の有無</t>
  </si>
  <si>
    <t>表142  甘味飲料の1日の摂取回数と歯みがき時間</t>
  </si>
  <si>
    <t>表143  甘味飲料の1日の摂取回数と歯間清掃用具使用</t>
  </si>
  <si>
    <t>表144  甘味飲料の1日の摂取回数と口腔内自己観察</t>
  </si>
  <si>
    <t>表145  甘味飲料の1日の摂取回数とフッ素歯磨剤使用有無</t>
  </si>
  <si>
    <t>表146  甘味飲料の1日の摂取回数とフッ化物洗口有無</t>
  </si>
  <si>
    <t>表147  甘味飲料の1日の摂取回数とフッ化物塗布有無</t>
  </si>
  <si>
    <t>表148　甘味飲料の1日の摂取回数と歯科受診経験有無</t>
  </si>
  <si>
    <t>問14-1 問14に「ある」と答えた方、この1年間に歯科医院で受けたものすべてに〇をつけてください。</t>
  </si>
  <si>
    <t>表149-2  甘味飲料の1日の摂取回数と受診内容</t>
  </si>
  <si>
    <t>表150  甘味飲料の1日の摂取回数とかかりつけ歯科有無</t>
  </si>
  <si>
    <t>表151  甘味飲料の1日の摂取回数と受診のすすめ</t>
  </si>
  <si>
    <t>表152  甘味飲料の1日の摂取回数と歯科恐怖・拒否</t>
  </si>
  <si>
    <t>表153  甘味飲料の1日の摂取回数と顎関節症状</t>
  </si>
  <si>
    <t>表154  甘味飲料の1日の摂取回数とむし歯有無</t>
  </si>
  <si>
    <t>表155  甘味飲料の1日の摂取回数とむし歯本数</t>
  </si>
  <si>
    <t>表156  歯みがき頻度と1日の歯みがき回数</t>
  </si>
  <si>
    <t>表157　歯みがき頻度と歯みがき指導の有無</t>
  </si>
  <si>
    <t>表158　歯みがき頻度と歯みがき時間</t>
  </si>
  <si>
    <t>表159　歯みがき頻度と歯間清掃用具使用</t>
  </si>
  <si>
    <t>表160　歯みがき頻度と口腔内自己観察</t>
  </si>
  <si>
    <t>表162　歯みがき頻度とフッ化物洗口有無</t>
  </si>
  <si>
    <t>表161　歯みがき頻度とフッ素歯磨剤使用有無</t>
  </si>
  <si>
    <t>表163　歯みがき頻度とフッ化物塗布有無</t>
  </si>
  <si>
    <t>表164　歯みがき頻度と歯科受診経験有無</t>
  </si>
  <si>
    <t>表165-1  歯みがき頻度と受診内容</t>
  </si>
  <si>
    <t>表166　歯みがき頻度とかかりつけ歯科有無</t>
  </si>
  <si>
    <t>表167　歯みがき頻度と受診のすすめ</t>
  </si>
  <si>
    <t>表168　歯みがき頻度と歯科恐怖・拒否</t>
  </si>
  <si>
    <t>表169　歯みがき頻度と顎関節症状</t>
  </si>
  <si>
    <t>表170　歯みがき頻度とむし歯有無</t>
  </si>
  <si>
    <t>表171　歯みがき頻度とむし歯本数</t>
  </si>
  <si>
    <t>表174　1日の歯みがき回数と歯間清掃用具使用</t>
  </si>
  <si>
    <t>表175　1日の歯みがき回数と口腔内自己観察</t>
  </si>
  <si>
    <t>表176　1日の歯みがき回数とフッ素歯磨剤使用有無</t>
  </si>
  <si>
    <t>表177　1日の歯みがき回数とフッ化物洗口有無</t>
  </si>
  <si>
    <t>表178　1日の歯みがき回数とフッ化物塗布有無</t>
  </si>
  <si>
    <t>表179　1日の歯みがき回数と歯科受診経験有無</t>
  </si>
  <si>
    <t>表180-1  1日の歯みがき回数と受診内容</t>
  </si>
  <si>
    <t>表180-2  1日の歯みがき回数と受診内容</t>
  </si>
  <si>
    <t>表181　1日の歯みがき回数とかかりつけ歯科有無</t>
  </si>
  <si>
    <t>表182　1日の歯みがき回数と受診のすすめ</t>
  </si>
  <si>
    <t>表183　1日の歯みがき回数と歯科恐怖・拒否</t>
  </si>
  <si>
    <t>表184　1日の歯みがき回数と顎関節症状</t>
  </si>
  <si>
    <t>表185　1日の歯みがき回数とむし歯有無</t>
  </si>
  <si>
    <t>表186　1日の歯みがき回数とむし歯本数</t>
  </si>
  <si>
    <t>表187　歯みがき指導の有無と歯みがき時間</t>
  </si>
  <si>
    <t>表188　歯みがき指導の有無と歯間清掃用具使用</t>
  </si>
  <si>
    <t>表189　歯みがき指導の有無と口腔内自己観察</t>
  </si>
  <si>
    <t>表190　歯みがき指導の有無とフッ素歯磨剤使用有無</t>
  </si>
  <si>
    <t>表191　歯みがき指導の有無とフッ化物洗口有無</t>
  </si>
  <si>
    <t>表192　歯みがき指導の有無とフッ化物塗布有無</t>
  </si>
  <si>
    <t>表193　歯みがき指導の有無と歯科受診経験有無</t>
  </si>
  <si>
    <t>表194-1  歯みがき指導の有無と受診内容</t>
  </si>
  <si>
    <t>歯みがき
指導の有無</t>
  </si>
  <si>
    <t>表194-2　歯みがき指導と受診内容</t>
  </si>
  <si>
    <t>表195　歯みがき指導の有無とかかりつけ歯科有無</t>
  </si>
  <si>
    <t>表196　歯みがき指導の有無と受診のすすめ</t>
  </si>
  <si>
    <t>表197　歯みがき指導の有無と歯科恐怖・拒否</t>
  </si>
  <si>
    <t>表198　歯みがき指導の有無と顎関節症状</t>
  </si>
  <si>
    <t>表199　歯みがき指導の有無とむし歯有無</t>
  </si>
  <si>
    <t>表200　歯みがき指導の有無とむし歯本数</t>
  </si>
  <si>
    <t>表201　歯みがき時間と歯間清掃用具使用</t>
  </si>
  <si>
    <t>表202　歯みがき時間と口腔内自己観察</t>
  </si>
  <si>
    <t>表203　歯みがき時間とフッ素歯磨剤使用有無</t>
  </si>
  <si>
    <t>表204　歯みがき時間とフッ化物洗口有無</t>
  </si>
  <si>
    <t>表205　歯みがき時間とフッ化物塗布有無</t>
  </si>
  <si>
    <t>表206　歯みがき時間と歯科受診経験有無</t>
  </si>
  <si>
    <t>表207-1  歯みがき時間と受診内容</t>
  </si>
  <si>
    <t>この1年間では、
歯科医院に
かかっていない
（問14-1-1）</t>
  </si>
  <si>
    <t>表207-2  歯みがき時間と受診内容</t>
  </si>
  <si>
    <t>表208　歯みがき時間とかかりつけ歯科有無</t>
  </si>
  <si>
    <t>表209　歯みがき時間と受診のすすめ</t>
  </si>
  <si>
    <t>歯みがき
時間</t>
  </si>
  <si>
    <t>表210　歯みがき時間と歯科恐怖・拒否</t>
  </si>
  <si>
    <t>表211　歯みがき時間と顎関節症状</t>
  </si>
  <si>
    <t>表212　歯みがき時間とむし歯有無</t>
  </si>
  <si>
    <t>表213　歯みがき時間とむし歯本数</t>
  </si>
  <si>
    <t>表214  歯間清掃用具使用と口腔内自己観察</t>
  </si>
  <si>
    <t>表215  歯間清掃用具使用とフッ素歯磨剤使用有無</t>
  </si>
  <si>
    <t>表216  歯間清掃用具使用とフッ化物洗口有無</t>
  </si>
  <si>
    <t>表217  歯間清掃用具使用とフッ化物塗布有無</t>
  </si>
  <si>
    <t>表218  歯間清掃用具使用と歯科受診経験有無</t>
  </si>
  <si>
    <t>表219-1  歯間清掃用具使用と受診内容</t>
  </si>
  <si>
    <t>表219-2  歯間清掃用具使用と受診内容</t>
  </si>
  <si>
    <t>表220  歯間清掃用具使用とかかりつけ歯科有無</t>
  </si>
  <si>
    <t>表221  歯間清掃用具使用と受診のすすめ</t>
  </si>
  <si>
    <t>表222  歯間清掃用具使用と歯科恐怖・拒否</t>
  </si>
  <si>
    <t>表223  歯間清掃用具使用と顎関節症状</t>
  </si>
  <si>
    <t>表224  歯間清掃用具使用とむし歯有無</t>
  </si>
  <si>
    <t>表225　歯間清掃用具使用とむし歯本数</t>
  </si>
  <si>
    <t>表226　口腔内自己観察とフッ素歯磨剤使用有無</t>
  </si>
  <si>
    <t>表227　口腔内自己観察とフッ化物洗口有無</t>
  </si>
  <si>
    <t>表228　口腔内自己観察とフッ化物塗布有無</t>
  </si>
  <si>
    <t>表229　口腔内自己観察と歯科受診経験有無</t>
  </si>
  <si>
    <t>表230-1  口腔内自己観察と受診内容</t>
  </si>
  <si>
    <t>表230-2  口腔内自己観察と受診内容</t>
  </si>
  <si>
    <t>表231　口腔内自己観察とかかりつけ歯科有無</t>
  </si>
  <si>
    <t>表232　口腔内自己観察と受診のすすめ</t>
  </si>
  <si>
    <t>表233　口腔内自己観察と歯科恐怖・拒否</t>
  </si>
  <si>
    <t>表234　口腔内自己観察と顎関節症状</t>
  </si>
  <si>
    <t>表235　口腔内自己観察とむし歯有無</t>
  </si>
  <si>
    <t>表236　口腔内自己観察とむし歯本数</t>
  </si>
  <si>
    <t>表237　フッ素歯磨剤使用有無とフッ化物洗口有無</t>
  </si>
  <si>
    <t>表238　フッ素歯磨剤使用有無とフッ化物塗布有無</t>
  </si>
  <si>
    <t>表239　フッ素歯磨剤使用有無と歯科受診経験有無</t>
  </si>
  <si>
    <t>表240-1　フッ素歯磨剤使用有無と受診内容</t>
  </si>
  <si>
    <t>表240-2  フッ素歯磨剤使用有無と受診内容</t>
  </si>
  <si>
    <t>表248　フッ化物洗口有無と歯科受診経験有無</t>
  </si>
  <si>
    <t>表247　フッ化物洗口有無とフッ化物塗布有無</t>
  </si>
  <si>
    <t>表246　フッ素歯磨剤使用有無とむし歯本数</t>
  </si>
  <si>
    <t>表245　フッ素歯磨剤使用有無とむし歯有無</t>
  </si>
  <si>
    <t>表244　フッ素歯磨剤使用有無と顎関節症状</t>
  </si>
  <si>
    <t>表243　フッ素歯磨剤使用有無と歯科恐怖・拒否</t>
  </si>
  <si>
    <t>表242　フッ素歯磨剤使用有無と受診のすすめ</t>
  </si>
  <si>
    <t>表241　フッ素歯磨剤使用有無とかかりつけ歯科有無</t>
  </si>
  <si>
    <t>フッ化物洗口の
指導
（問14-1-5）</t>
  </si>
  <si>
    <t>表249-2  フッ化物洗口有無と受診内容</t>
  </si>
  <si>
    <t>表250　フッ化物洗口有無とかかりつけ歯科有無</t>
  </si>
  <si>
    <t>表251　フッ化物洗口有無と受診のすすめ</t>
  </si>
  <si>
    <t>表252  フッ化物洗口有無と歯科恐怖・拒否</t>
  </si>
  <si>
    <t>表253  フッ化物洗口有無と顎関節症状</t>
  </si>
  <si>
    <t>表254  フッ化物洗口有無とむし歯有無</t>
  </si>
  <si>
    <t>表255  フッ化物洗口有無とむし歯本数</t>
  </si>
  <si>
    <t>表256  フッ化物塗布有無と歯科受診経験有無</t>
  </si>
  <si>
    <t>表257-1　フッ化物塗布有無と受診内容</t>
  </si>
  <si>
    <t>フッ化物塗布
有無</t>
  </si>
  <si>
    <t>表257-2  フッ化物塗布有無と受診内容</t>
  </si>
  <si>
    <t>表258  フッ化物塗布有無とかかりつけ歯科有無</t>
  </si>
  <si>
    <t>表259  フッ化物塗布有無と受診のすすめ</t>
  </si>
  <si>
    <t>表260  フッ化物塗布有無と歯科恐怖・拒否</t>
  </si>
  <si>
    <t>表261  フッ化物塗布有無と顎関節症状</t>
  </si>
  <si>
    <t>表262  フッ化物塗布有無とむし歯有無</t>
  </si>
  <si>
    <t>表263  フッ化物塗布有無とむし歯本数</t>
  </si>
  <si>
    <t>表265　歯科受診経験有無とかかりつけ歯科有無</t>
  </si>
  <si>
    <t>表266　歯科受診経験有無と受診のすすめ</t>
  </si>
  <si>
    <t>表267　歯科受診経験有無と歯科恐怖・拒否</t>
  </si>
  <si>
    <t>表268　歯科受診経験有無と顎関節症状</t>
  </si>
  <si>
    <t>表269　歯科受診経験有無とむし歯有無</t>
  </si>
  <si>
    <t>表270　歯科受診経験有無とむし歯本数</t>
  </si>
  <si>
    <t>表271　受診内容とかかりつけ歯科有無</t>
  </si>
  <si>
    <t>表272　受診内容と受診のすすめ</t>
  </si>
  <si>
    <t>表273　受診内容と歯科恐怖・拒否</t>
  </si>
  <si>
    <t>この1年間では、歯科医院に
かかっていない</t>
  </si>
  <si>
    <t>フッ化物歯面
塗布</t>
  </si>
  <si>
    <t>フッ化物洗口の
指導</t>
  </si>
  <si>
    <t>歯や口のけがの
治療</t>
  </si>
  <si>
    <t>表274　受診内容と顎関節症状</t>
  </si>
  <si>
    <t>表275　受診内容とむし歯有無</t>
  </si>
  <si>
    <t>表276　受診内容とむし歯本数</t>
  </si>
  <si>
    <t>本数は
わから
ない</t>
  </si>
  <si>
    <t>表277　かかりつけ歯科有無と受診のすすめ</t>
  </si>
  <si>
    <t>表278  かかりつけ歯科有無と歯科恐怖・拒否</t>
  </si>
  <si>
    <t>表279  かかりつけ歯科有無と顎関節症状</t>
  </si>
  <si>
    <t>表280  かかりつけ歯科有無とむし歯有無</t>
  </si>
  <si>
    <t>表281  かかりつけ歯科有無とむし歯本数</t>
  </si>
  <si>
    <t>表282  受診のすすめと歯科恐怖・拒否</t>
  </si>
  <si>
    <t>表283  受診のすすめと顎関節症状</t>
  </si>
  <si>
    <t>表284  受診のすすめとむし歯有無</t>
  </si>
  <si>
    <t>表285  受診のすすめとむし歯本数</t>
  </si>
  <si>
    <t>表286  歯科恐怖・拒否と顎関節症状</t>
  </si>
  <si>
    <t>表287  歯科恐怖・拒否とむし歯有無</t>
  </si>
  <si>
    <t>表288  歯科恐怖・拒否とむし歯本数</t>
  </si>
  <si>
    <t>表289  顎関節症状とむし歯有無</t>
  </si>
  <si>
    <t>表291　むし歯有無とむし歯本数</t>
  </si>
  <si>
    <t>表71　兄弟姉妹数と口腔内自己観察</t>
  </si>
  <si>
    <t>問14-1  問14に「ある」と答えた方、この1年間に歯科医院で受けたものすべてに〇をつけてください。</t>
  </si>
  <si>
    <t>Ⅲ　統計表　Ｂ　クロス集計表（高校１年生）</t>
    <rPh sb="2" eb="5">
      <t>トウケイヒョウ</t>
    </rPh>
    <rPh sb="11" eb="13">
      <t>シュウケイ</t>
    </rPh>
    <rPh sb="13" eb="14">
      <t>ヒョウ</t>
    </rPh>
    <rPh sb="15" eb="17">
      <t>コウコウ</t>
    </rPh>
    <rPh sb="18" eb="20">
      <t>ネンセイ</t>
    </rPh>
    <phoneticPr fontId="1"/>
  </si>
  <si>
    <t>問4-1　甘いお菓子を毎日食べる、1日あたり</t>
  </si>
  <si>
    <t>問5-1　甘い飲み物を毎日飲む、1日あたり</t>
  </si>
  <si>
    <t>表23　性別と甘味菓子の1日の摂取回数</t>
    <phoneticPr fontId="1"/>
  </si>
  <si>
    <t>問6-1　歯を毎日みがく、1日歯みがき回数</t>
    <phoneticPr fontId="1"/>
  </si>
  <si>
    <t>表31　性別と口腔内自己観察</t>
    <phoneticPr fontId="1"/>
  </si>
  <si>
    <t>表36-1　性別と受診内容</t>
    <phoneticPr fontId="1"/>
  </si>
  <si>
    <t>表149-1　甘味飲料の1日の摂取回数と受診内容</t>
    <phoneticPr fontId="1"/>
  </si>
  <si>
    <t>表165-2　歯みがき頻度と受診内容</t>
    <phoneticPr fontId="1"/>
  </si>
  <si>
    <t>表172　1日の歯みがき回数と歯みがき指導の有無</t>
    <phoneticPr fontId="1"/>
  </si>
  <si>
    <t>表173　1日の歯みがき回数と歯みがき時間</t>
    <phoneticPr fontId="1"/>
  </si>
  <si>
    <t>問14-1　問14に「ある」と答えた方、この1年間に歯科医院で受けたものすべてに〇をつけてださい。</t>
    <phoneticPr fontId="1"/>
  </si>
  <si>
    <t>あまり時間をかけ
ないでみがくことが
多い</t>
    <phoneticPr fontId="1"/>
  </si>
  <si>
    <t>歯間清掃用具
使用</t>
    <phoneticPr fontId="1"/>
  </si>
  <si>
    <t>口腔内自己
観察</t>
    <phoneticPr fontId="1"/>
  </si>
  <si>
    <t>週に1回以上
している</t>
    <phoneticPr fontId="1"/>
  </si>
  <si>
    <t>月に1回程度
している</t>
    <phoneticPr fontId="1"/>
  </si>
  <si>
    <t>フッ化物が入っているか
わからない</t>
    <phoneticPr fontId="1"/>
  </si>
  <si>
    <t>表249-1　フッ化物洗口有無と受診内容</t>
    <phoneticPr fontId="1"/>
  </si>
  <si>
    <t>フッ化物洗口
有無</t>
    <phoneticPr fontId="1"/>
  </si>
  <si>
    <t>フッ化物塗布
有無</t>
    <phoneticPr fontId="1"/>
  </si>
  <si>
    <t>歯科受診経験
有無</t>
    <phoneticPr fontId="1"/>
  </si>
  <si>
    <t>表264　歯科受診経験有無と受診内容</t>
    <phoneticPr fontId="1"/>
  </si>
  <si>
    <t>歯科受診経験有無</t>
    <phoneticPr fontId="1"/>
  </si>
  <si>
    <t>表290　顎関節症状とむし歯本数</t>
    <phoneticPr fontId="1"/>
  </si>
  <si>
    <t>顎関節症状</t>
    <phoneticPr fontId="1"/>
  </si>
  <si>
    <t>【目次】</t>
    <rPh sb="1" eb="3">
      <t>モクジ</t>
    </rPh>
    <phoneticPr fontId="1"/>
  </si>
  <si>
    <t>甘味菓子摂取頻度（問4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);[Red]\(#,##0\)"/>
    <numFmt numFmtId="177" formatCode="0.0%"/>
    <numFmt numFmtId="178" formatCode="0_);[Red]\(0\)"/>
  </numFmts>
  <fonts count="8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2"/>
      <name val="ＭＳ 明朝"/>
      <family val="1"/>
      <charset val="128"/>
    </font>
    <font>
      <sz val="12"/>
      <color theme="1"/>
      <name val="ＭＳ ゴシック"/>
      <family val="3"/>
      <charset val="128"/>
    </font>
    <font>
      <u/>
      <sz val="12"/>
      <color theme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theme="0" tint="-0.14999847407452621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7" fillId="0" borderId="0" applyNumberFormat="0" applyFill="0" applyBorder="0" applyAlignment="0" applyProtection="0">
      <alignment vertical="center"/>
    </xf>
  </cellStyleXfs>
  <cellXfs count="122">
    <xf numFmtId="0" fontId="0" fillId="0" borderId="0" xfId="0">
      <alignment vertical="center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vertical="center" textRotation="255" wrapText="1"/>
    </xf>
    <xf numFmtId="0" fontId="2" fillId="0" borderId="3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10" fontId="4" fillId="0" borderId="1" xfId="0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center" wrapText="1"/>
    </xf>
    <xf numFmtId="0" fontId="4" fillId="3" borderId="11" xfId="0" applyFont="1" applyFill="1" applyBorder="1" applyAlignment="1">
      <alignment horizontal="left" vertical="center"/>
    </xf>
    <xf numFmtId="0" fontId="4" fillId="3" borderId="12" xfId="0" applyFont="1" applyFill="1" applyBorder="1" applyAlignment="1">
      <alignment horizontal="left" vertical="center"/>
    </xf>
    <xf numFmtId="0" fontId="4" fillId="3" borderId="13" xfId="0" applyFont="1" applyFill="1" applyBorder="1" applyAlignment="1">
      <alignment horizontal="left" vertical="center"/>
    </xf>
    <xf numFmtId="0" fontId="4" fillId="0" borderId="0" xfId="0" applyFont="1">
      <alignment vertical="center"/>
    </xf>
    <xf numFmtId="0" fontId="4" fillId="3" borderId="12" xfId="0" applyFont="1" applyFill="1" applyBorder="1">
      <alignment vertical="center"/>
    </xf>
    <xf numFmtId="176" fontId="6" fillId="0" borderId="1" xfId="0" applyNumberFormat="1" applyFont="1" applyBorder="1">
      <alignment vertical="center"/>
    </xf>
    <xf numFmtId="177" fontId="6" fillId="0" borderId="1" xfId="0" applyNumberFormat="1" applyFont="1" applyBorder="1">
      <alignment vertical="center"/>
    </xf>
    <xf numFmtId="10" fontId="4" fillId="0" borderId="0" xfId="0" applyNumberFormat="1" applyFont="1">
      <alignment vertical="center"/>
    </xf>
    <xf numFmtId="176" fontId="4" fillId="0" borderId="0" xfId="0" applyNumberFormat="1" applyFont="1">
      <alignment vertical="center"/>
    </xf>
    <xf numFmtId="178" fontId="6" fillId="0" borderId="1" xfId="0" applyNumberFormat="1" applyFont="1" applyBorder="1">
      <alignment vertical="center"/>
    </xf>
    <xf numFmtId="0" fontId="4" fillId="0" borderId="0" xfId="0" applyFont="1" applyAlignment="1">
      <alignment horizontal="left" vertical="center" wrapText="1"/>
    </xf>
    <xf numFmtId="177" fontId="4" fillId="0" borderId="0" xfId="0" applyNumberFormat="1" applyFont="1">
      <alignment vertical="center"/>
    </xf>
    <xf numFmtId="0" fontId="6" fillId="0" borderId="1" xfId="0" applyFont="1" applyBorder="1">
      <alignment vertical="center"/>
    </xf>
    <xf numFmtId="0" fontId="4" fillId="0" borderId="3" xfId="0" applyFont="1" applyBorder="1">
      <alignment vertical="center"/>
    </xf>
    <xf numFmtId="1" fontId="4" fillId="0" borderId="0" xfId="0" applyNumberFormat="1" applyFont="1">
      <alignment vertical="center"/>
    </xf>
    <xf numFmtId="0" fontId="4" fillId="0" borderId="1" xfId="0" applyFont="1" applyBorder="1">
      <alignment vertical="center"/>
    </xf>
    <xf numFmtId="9" fontId="4" fillId="0" borderId="1" xfId="0" applyNumberFormat="1" applyFont="1" applyBorder="1">
      <alignment vertical="center"/>
    </xf>
    <xf numFmtId="9" fontId="4" fillId="0" borderId="0" xfId="0" applyNumberFormat="1" applyFont="1">
      <alignment vertical="center"/>
    </xf>
    <xf numFmtId="177" fontId="4" fillId="0" borderId="1" xfId="0" applyNumberFormat="1" applyFont="1" applyBorder="1">
      <alignment vertical="center"/>
    </xf>
    <xf numFmtId="178" fontId="4" fillId="0" borderId="1" xfId="0" applyNumberFormat="1" applyFont="1" applyBorder="1">
      <alignment vertical="center"/>
    </xf>
    <xf numFmtId="0" fontId="4" fillId="0" borderId="0" xfId="0" applyFont="1" applyAlignment="1">
      <alignment vertical="top" wrapText="1"/>
    </xf>
    <xf numFmtId="0" fontId="4" fillId="0" borderId="0" xfId="0" applyFont="1" applyAlignment="1">
      <alignment horizontal="left" vertical="center"/>
    </xf>
    <xf numFmtId="0" fontId="4" fillId="0" borderId="14" xfId="0" applyFont="1" applyBorder="1" applyAlignment="1">
      <alignment horizontal="left" vertical="top"/>
    </xf>
    <xf numFmtId="0" fontId="4" fillId="0" borderId="0" xfId="0" applyFont="1" applyAlignment="1">
      <alignment horizontal="left" vertical="top"/>
    </xf>
    <xf numFmtId="0" fontId="4" fillId="0" borderId="14" xfId="0" applyFont="1" applyBorder="1" applyAlignment="1">
      <alignment vertical="top"/>
    </xf>
    <xf numFmtId="0" fontId="4" fillId="0" borderId="0" xfId="0" applyFont="1" applyAlignment="1">
      <alignment horizontal="left" vertical="top" wrapText="1"/>
    </xf>
    <xf numFmtId="176" fontId="4" fillId="0" borderId="0" xfId="0" applyNumberFormat="1" applyFont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4" fillId="0" borderId="0" xfId="0" applyFont="1" applyAlignment="1">
      <alignment vertical="top"/>
    </xf>
    <xf numFmtId="0" fontId="4" fillId="0" borderId="14" xfId="0" applyFont="1" applyBorder="1">
      <alignment vertical="center"/>
    </xf>
    <xf numFmtId="178" fontId="4" fillId="0" borderId="0" xfId="0" applyNumberFormat="1" applyFont="1">
      <alignment vertical="center"/>
    </xf>
    <xf numFmtId="0" fontId="3" fillId="0" borderId="1" xfId="0" applyFont="1" applyBorder="1" applyAlignment="1">
      <alignment horizontal="center" vertical="top" textRotation="255"/>
    </xf>
    <xf numFmtId="0" fontId="3" fillId="0" borderId="1" xfId="0" applyFont="1" applyBorder="1" applyAlignment="1">
      <alignment horizontal="center" vertical="top" textRotation="255" shrinkToFit="1"/>
    </xf>
    <xf numFmtId="0" fontId="3" fillId="0" borderId="1" xfId="0" applyFont="1" applyBorder="1" applyAlignment="1">
      <alignment horizontal="left" vertical="center" wrapText="1" shrinkToFit="1"/>
    </xf>
    <xf numFmtId="0" fontId="2" fillId="0" borderId="0" xfId="0" applyFont="1" applyAlignment="1">
      <alignment vertical="center" wrapText="1"/>
    </xf>
    <xf numFmtId="0" fontId="4" fillId="0" borderId="14" xfId="0" applyFont="1" applyBorder="1" applyAlignment="1">
      <alignment horizontal="left" vertical="center"/>
    </xf>
    <xf numFmtId="177" fontId="6" fillId="0" borderId="14" xfId="0" applyNumberFormat="1" applyFont="1" applyBorder="1">
      <alignment vertical="center"/>
    </xf>
    <xf numFmtId="177" fontId="6" fillId="0" borderId="0" xfId="0" applyNumberFormat="1" applyFont="1">
      <alignment vertical="center"/>
    </xf>
    <xf numFmtId="176" fontId="6" fillId="0" borderId="1" xfId="0" applyNumberFormat="1" applyFont="1" applyBorder="1" applyAlignment="1">
      <alignment horizontal="right" vertical="top"/>
    </xf>
    <xf numFmtId="0" fontId="4" fillId="0" borderId="0" xfId="0" applyFont="1" applyAlignment="1">
      <alignment vertical="center"/>
    </xf>
    <xf numFmtId="0" fontId="4" fillId="0" borderId="0" xfId="0" applyFont="1" applyBorder="1">
      <alignment vertical="center"/>
    </xf>
    <xf numFmtId="0" fontId="4" fillId="0" borderId="0" xfId="0" applyFont="1" applyBorder="1" applyAlignment="1">
      <alignment vertical="center" wrapText="1"/>
    </xf>
    <xf numFmtId="0" fontId="4" fillId="0" borderId="3" xfId="0" applyFont="1" applyBorder="1" applyAlignment="1">
      <alignment vertical="center"/>
    </xf>
    <xf numFmtId="0" fontId="3" fillId="0" borderId="1" xfId="0" applyFont="1" applyBorder="1" applyAlignment="1">
      <alignment horizontal="center" vertical="center" textRotation="255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textRotation="255" wrapText="1"/>
    </xf>
    <xf numFmtId="0" fontId="3" fillId="0" borderId="12" xfId="0" applyFont="1" applyBorder="1" applyAlignment="1">
      <alignment horizontal="center" vertical="center" textRotation="255" wrapText="1"/>
    </xf>
    <xf numFmtId="0" fontId="3" fillId="0" borderId="13" xfId="0" applyFont="1" applyBorder="1" applyAlignment="1">
      <alignment horizontal="center" vertical="center" textRotation="255" wrapText="1"/>
    </xf>
    <xf numFmtId="0" fontId="4" fillId="0" borderId="0" xfId="0" applyFont="1" applyAlignment="1">
      <alignment horizontal="left" vertical="center"/>
    </xf>
    <xf numFmtId="0" fontId="4" fillId="0" borderId="14" xfId="0" applyFont="1" applyBorder="1" applyAlignment="1">
      <alignment horizontal="left" vertical="top" wrapText="1"/>
    </xf>
    <xf numFmtId="0" fontId="4" fillId="3" borderId="1" xfId="0" applyFont="1" applyFill="1" applyBorder="1" applyAlignment="1">
      <alignment horizontal="left" vertical="center"/>
    </xf>
    <xf numFmtId="0" fontId="6" fillId="3" borderId="11" xfId="0" applyFont="1" applyFill="1" applyBorder="1" applyAlignment="1">
      <alignment horizontal="left" vertical="center"/>
    </xf>
    <xf numFmtId="0" fontId="4" fillId="0" borderId="13" xfId="0" applyFont="1" applyBorder="1" applyAlignment="1">
      <alignment horizontal="left" vertical="center"/>
    </xf>
    <xf numFmtId="0" fontId="6" fillId="3" borderId="1" xfId="0" applyFont="1" applyFill="1" applyBorder="1" applyAlignment="1">
      <alignment horizontal="left" vertical="center"/>
    </xf>
    <xf numFmtId="0" fontId="6" fillId="3" borderId="1" xfId="0" applyFont="1" applyFill="1" applyBorder="1" applyAlignment="1">
      <alignment horizontal="center" vertical="center"/>
    </xf>
    <xf numFmtId="0" fontId="6" fillId="3" borderId="13" xfId="0" applyFont="1" applyFill="1" applyBorder="1" applyAlignment="1">
      <alignment horizontal="left" vertical="center"/>
    </xf>
    <xf numFmtId="0" fontId="6" fillId="3" borderId="11" xfId="0" applyFont="1" applyFill="1" applyBorder="1" applyAlignment="1">
      <alignment horizontal="left" vertical="center" wrapText="1"/>
    </xf>
    <xf numFmtId="0" fontId="4" fillId="0" borderId="13" xfId="0" applyFont="1" applyBorder="1" applyAlignment="1">
      <alignment horizontal="left" vertical="center" wrapText="1"/>
    </xf>
    <xf numFmtId="0" fontId="4" fillId="0" borderId="14" xfId="0" applyFont="1" applyBorder="1" applyAlignment="1">
      <alignment horizontal="left" vertical="center" wrapText="1"/>
    </xf>
    <xf numFmtId="0" fontId="4" fillId="0" borderId="0" xfId="0" applyFont="1" applyAlignment="1">
      <alignment horizontal="left" vertical="top" wrapText="1"/>
    </xf>
    <xf numFmtId="0" fontId="6" fillId="3" borderId="1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/>
    </xf>
    <xf numFmtId="0" fontId="6" fillId="3" borderId="1" xfId="0" applyFont="1" applyFill="1" applyBorder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0" xfId="0" applyFont="1" applyAlignment="1">
      <alignment horizontal="left" vertical="center" wrapText="1"/>
    </xf>
    <xf numFmtId="0" fontId="4" fillId="3" borderId="11" xfId="0" applyFont="1" applyFill="1" applyBorder="1" applyAlignment="1">
      <alignment horizontal="left" vertical="center"/>
    </xf>
    <xf numFmtId="0" fontId="4" fillId="3" borderId="13" xfId="0" applyFont="1" applyFill="1" applyBorder="1" applyAlignment="1">
      <alignment horizontal="left" vertical="center"/>
    </xf>
    <xf numFmtId="176" fontId="6" fillId="3" borderId="11" xfId="0" applyNumberFormat="1" applyFont="1" applyFill="1" applyBorder="1" applyAlignment="1">
      <alignment horizontal="left" vertical="center"/>
    </xf>
    <xf numFmtId="176" fontId="4" fillId="0" borderId="14" xfId="0" applyNumberFormat="1" applyFont="1" applyBorder="1" applyAlignment="1">
      <alignment horizontal="left" vertical="top" wrapText="1"/>
    </xf>
    <xf numFmtId="176" fontId="4" fillId="0" borderId="14" xfId="0" applyNumberFormat="1" applyFont="1" applyBorder="1" applyAlignment="1">
      <alignment horizontal="left" vertical="center" wrapText="1"/>
    </xf>
    <xf numFmtId="176" fontId="6" fillId="3" borderId="11" xfId="0" applyNumberFormat="1" applyFont="1" applyFill="1" applyBorder="1" applyAlignment="1">
      <alignment horizontal="left" vertical="center" wrapText="1"/>
    </xf>
    <xf numFmtId="176" fontId="4" fillId="0" borderId="0" xfId="0" applyNumberFormat="1" applyFont="1" applyAlignment="1">
      <alignment horizontal="left" vertical="top" wrapText="1"/>
    </xf>
    <xf numFmtId="176" fontId="4" fillId="0" borderId="0" xfId="0" applyNumberFormat="1" applyFont="1" applyAlignment="1">
      <alignment horizontal="left" vertical="center"/>
    </xf>
    <xf numFmtId="0" fontId="4" fillId="3" borderId="11" xfId="0" applyFont="1" applyFill="1" applyBorder="1" applyAlignment="1">
      <alignment horizontal="left" vertical="center" wrapText="1"/>
    </xf>
    <xf numFmtId="0" fontId="4" fillId="0" borderId="14" xfId="0" applyFont="1" applyBorder="1" applyAlignment="1">
      <alignment horizontal="left" vertical="top"/>
    </xf>
    <xf numFmtId="0" fontId="4" fillId="0" borderId="0" xfId="0" applyFont="1" applyAlignment="1">
      <alignment horizontal="left" vertical="top"/>
    </xf>
    <xf numFmtId="0" fontId="4" fillId="0" borderId="14" xfId="0" applyFont="1" applyBorder="1" applyAlignment="1">
      <alignment horizontal="left" vertical="center"/>
    </xf>
    <xf numFmtId="0" fontId="4" fillId="3" borderId="13" xfId="0" applyFont="1" applyFill="1" applyBorder="1" applyAlignment="1">
      <alignment horizontal="left" vertical="center" wrapText="1"/>
    </xf>
    <xf numFmtId="0" fontId="6" fillId="3" borderId="10" xfId="0" applyFont="1" applyFill="1" applyBorder="1" applyAlignment="1">
      <alignment horizontal="left" vertical="center"/>
    </xf>
    <xf numFmtId="0" fontId="4" fillId="0" borderId="10" xfId="0" applyFont="1" applyBorder="1" applyAlignment="1">
      <alignment horizontal="left" vertical="center"/>
    </xf>
    <xf numFmtId="0" fontId="4" fillId="3" borderId="12" xfId="0" applyFont="1" applyFill="1" applyBorder="1" applyAlignment="1">
      <alignment horizontal="left" vertical="center" wrapText="1"/>
    </xf>
    <xf numFmtId="0" fontId="4" fillId="3" borderId="12" xfId="0" applyFont="1" applyFill="1" applyBorder="1" applyAlignment="1">
      <alignment horizontal="left" vertical="center"/>
    </xf>
    <xf numFmtId="176" fontId="4" fillId="0" borderId="14" xfId="0" applyNumberFormat="1" applyFont="1" applyBorder="1" applyAlignment="1">
      <alignment horizontal="left" vertical="center"/>
    </xf>
    <xf numFmtId="176" fontId="4" fillId="0" borderId="0" xfId="0" applyNumberFormat="1" applyFont="1" applyAlignment="1">
      <alignment horizontal="left" vertical="center" wrapText="1"/>
    </xf>
    <xf numFmtId="0" fontId="4" fillId="0" borderId="14" xfId="0" applyFont="1" applyBorder="1" applyAlignment="1">
      <alignment horizontal="center" vertical="top" wrapText="1"/>
    </xf>
    <xf numFmtId="0" fontId="4" fillId="0" borderId="0" xfId="0" applyFont="1" applyAlignment="1">
      <alignment horizontal="center" vertical="top" wrapText="1"/>
    </xf>
    <xf numFmtId="0" fontId="4" fillId="0" borderId="0" xfId="0" applyFont="1" applyBorder="1" applyAlignment="1">
      <alignment horizontal="left" vertical="center" wrapText="1"/>
    </xf>
    <xf numFmtId="0" fontId="4" fillId="0" borderId="0" xfId="0" applyFont="1" applyBorder="1" applyAlignment="1">
      <alignment horizontal="left" vertical="top" wrapText="1"/>
    </xf>
    <xf numFmtId="0" fontId="4" fillId="0" borderId="14" xfId="0" applyFont="1" applyBorder="1" applyAlignment="1">
      <alignment vertical="center" wrapText="1"/>
    </xf>
    <xf numFmtId="0" fontId="4" fillId="0" borderId="0" xfId="0" applyFont="1" applyBorder="1" applyAlignment="1">
      <alignment vertical="center" wrapText="1"/>
    </xf>
    <xf numFmtId="0" fontId="6" fillId="3" borderId="6" xfId="0" applyFont="1" applyFill="1" applyBorder="1" applyAlignment="1">
      <alignment horizontal="left" vertical="center"/>
    </xf>
    <xf numFmtId="0" fontId="6" fillId="3" borderId="7" xfId="0" applyFont="1" applyFill="1" applyBorder="1" applyAlignment="1">
      <alignment horizontal="left" vertical="center"/>
    </xf>
    <xf numFmtId="0" fontId="6" fillId="3" borderId="8" xfId="0" applyFont="1" applyFill="1" applyBorder="1" applyAlignment="1">
      <alignment horizontal="left" vertical="center"/>
    </xf>
    <xf numFmtId="0" fontId="6" fillId="3" borderId="9" xfId="0" applyFont="1" applyFill="1" applyBorder="1" applyAlignment="1">
      <alignment horizontal="left" vertical="center"/>
    </xf>
    <xf numFmtId="0" fontId="6" fillId="3" borderId="11" xfId="0" applyFont="1" applyFill="1" applyBorder="1" applyAlignment="1">
      <alignment vertical="center" wrapText="1"/>
    </xf>
    <xf numFmtId="0" fontId="6" fillId="3" borderId="13" xfId="0" applyFont="1" applyFill="1" applyBorder="1" applyAlignment="1">
      <alignment vertical="center" wrapText="1"/>
    </xf>
    <xf numFmtId="0" fontId="6" fillId="3" borderId="11" xfId="0" applyFont="1" applyFill="1" applyBorder="1" applyAlignment="1">
      <alignment vertical="center"/>
    </xf>
    <xf numFmtId="0" fontId="6" fillId="3" borderId="13" xfId="0" applyFont="1" applyFill="1" applyBorder="1" applyAlignment="1">
      <alignment vertical="center"/>
    </xf>
    <xf numFmtId="0" fontId="4" fillId="0" borderId="0" xfId="0" applyFont="1" applyBorder="1" applyAlignment="1">
      <alignment horizontal="left" vertical="center"/>
    </xf>
    <xf numFmtId="0" fontId="7" fillId="0" borderId="0" xfId="1">
      <alignment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17" Type="http://schemas.openxmlformats.org/officeDocument/2006/relationships/worksheet" Target="worksheets/sheet117.xml"/><Relationship Id="rId299" Type="http://schemas.openxmlformats.org/officeDocument/2006/relationships/worksheet" Target="worksheets/sheet299.xml"/><Relationship Id="rId21" Type="http://schemas.openxmlformats.org/officeDocument/2006/relationships/worksheet" Target="worksheets/sheet21.xml"/><Relationship Id="rId63" Type="http://schemas.openxmlformats.org/officeDocument/2006/relationships/worksheet" Target="worksheets/sheet63.xml"/><Relationship Id="rId159" Type="http://schemas.openxmlformats.org/officeDocument/2006/relationships/worksheet" Target="worksheets/sheet159.xml"/><Relationship Id="rId170" Type="http://schemas.openxmlformats.org/officeDocument/2006/relationships/worksheet" Target="worksheets/sheet170.xml"/><Relationship Id="rId226" Type="http://schemas.openxmlformats.org/officeDocument/2006/relationships/worksheet" Target="worksheets/sheet226.xml"/><Relationship Id="rId268" Type="http://schemas.openxmlformats.org/officeDocument/2006/relationships/worksheet" Target="worksheets/sheet268.xml"/><Relationship Id="rId32" Type="http://schemas.openxmlformats.org/officeDocument/2006/relationships/worksheet" Target="worksheets/sheet32.xml"/><Relationship Id="rId74" Type="http://schemas.openxmlformats.org/officeDocument/2006/relationships/worksheet" Target="worksheets/sheet74.xml"/><Relationship Id="rId128" Type="http://schemas.openxmlformats.org/officeDocument/2006/relationships/worksheet" Target="worksheets/sheet128.xml"/><Relationship Id="rId5" Type="http://schemas.openxmlformats.org/officeDocument/2006/relationships/worksheet" Target="worksheets/sheet5.xml"/><Relationship Id="rId181" Type="http://schemas.openxmlformats.org/officeDocument/2006/relationships/worksheet" Target="worksheets/sheet181.xml"/><Relationship Id="rId237" Type="http://schemas.openxmlformats.org/officeDocument/2006/relationships/worksheet" Target="worksheets/sheet237.xml"/><Relationship Id="rId279" Type="http://schemas.openxmlformats.org/officeDocument/2006/relationships/worksheet" Target="worksheets/sheet279.xml"/><Relationship Id="rId43" Type="http://schemas.openxmlformats.org/officeDocument/2006/relationships/worksheet" Target="worksheets/sheet43.xml"/><Relationship Id="rId139" Type="http://schemas.openxmlformats.org/officeDocument/2006/relationships/worksheet" Target="worksheets/sheet139.xml"/><Relationship Id="rId290" Type="http://schemas.openxmlformats.org/officeDocument/2006/relationships/worksheet" Target="worksheets/sheet290.xml"/><Relationship Id="rId304" Type="http://schemas.openxmlformats.org/officeDocument/2006/relationships/worksheet" Target="worksheets/sheet304.xml"/><Relationship Id="rId85" Type="http://schemas.openxmlformats.org/officeDocument/2006/relationships/worksheet" Target="worksheets/sheet85.xml"/><Relationship Id="rId150" Type="http://schemas.openxmlformats.org/officeDocument/2006/relationships/worksheet" Target="worksheets/sheet150.xml"/><Relationship Id="rId192" Type="http://schemas.openxmlformats.org/officeDocument/2006/relationships/worksheet" Target="worksheets/sheet192.xml"/><Relationship Id="rId206" Type="http://schemas.openxmlformats.org/officeDocument/2006/relationships/worksheet" Target="worksheets/sheet206.xml"/><Relationship Id="rId248" Type="http://schemas.openxmlformats.org/officeDocument/2006/relationships/worksheet" Target="worksheets/sheet248.xml"/><Relationship Id="rId12" Type="http://schemas.openxmlformats.org/officeDocument/2006/relationships/worksheet" Target="worksheets/sheet12.xml"/><Relationship Id="rId108" Type="http://schemas.openxmlformats.org/officeDocument/2006/relationships/worksheet" Target="worksheets/sheet108.xml"/><Relationship Id="rId54" Type="http://schemas.openxmlformats.org/officeDocument/2006/relationships/worksheet" Target="worksheets/sheet54.xml"/><Relationship Id="rId96" Type="http://schemas.openxmlformats.org/officeDocument/2006/relationships/worksheet" Target="worksheets/sheet96.xml"/><Relationship Id="rId161" Type="http://schemas.openxmlformats.org/officeDocument/2006/relationships/worksheet" Target="worksheets/sheet161.xml"/><Relationship Id="rId217" Type="http://schemas.openxmlformats.org/officeDocument/2006/relationships/worksheet" Target="worksheets/sheet217.xml"/><Relationship Id="rId259" Type="http://schemas.openxmlformats.org/officeDocument/2006/relationships/worksheet" Target="worksheets/sheet259.xml"/><Relationship Id="rId23" Type="http://schemas.openxmlformats.org/officeDocument/2006/relationships/worksheet" Target="worksheets/sheet23.xml"/><Relationship Id="rId119" Type="http://schemas.openxmlformats.org/officeDocument/2006/relationships/worksheet" Target="worksheets/sheet119.xml"/><Relationship Id="rId270" Type="http://schemas.openxmlformats.org/officeDocument/2006/relationships/worksheet" Target="worksheets/sheet270.xml"/><Relationship Id="rId44" Type="http://schemas.openxmlformats.org/officeDocument/2006/relationships/worksheet" Target="worksheets/sheet44.xml"/><Relationship Id="rId65" Type="http://schemas.openxmlformats.org/officeDocument/2006/relationships/worksheet" Target="worksheets/sheet65.xml"/><Relationship Id="rId86" Type="http://schemas.openxmlformats.org/officeDocument/2006/relationships/worksheet" Target="worksheets/sheet86.xml"/><Relationship Id="rId130" Type="http://schemas.openxmlformats.org/officeDocument/2006/relationships/worksheet" Target="worksheets/sheet130.xml"/><Relationship Id="rId151" Type="http://schemas.openxmlformats.org/officeDocument/2006/relationships/worksheet" Target="worksheets/sheet151.xml"/><Relationship Id="rId172" Type="http://schemas.openxmlformats.org/officeDocument/2006/relationships/worksheet" Target="worksheets/sheet172.xml"/><Relationship Id="rId193" Type="http://schemas.openxmlformats.org/officeDocument/2006/relationships/worksheet" Target="worksheets/sheet193.xml"/><Relationship Id="rId207" Type="http://schemas.openxmlformats.org/officeDocument/2006/relationships/worksheet" Target="worksheets/sheet207.xml"/><Relationship Id="rId228" Type="http://schemas.openxmlformats.org/officeDocument/2006/relationships/worksheet" Target="worksheets/sheet228.xml"/><Relationship Id="rId249" Type="http://schemas.openxmlformats.org/officeDocument/2006/relationships/worksheet" Target="worksheets/sheet249.xml"/><Relationship Id="rId13" Type="http://schemas.openxmlformats.org/officeDocument/2006/relationships/worksheet" Target="worksheets/sheet13.xml"/><Relationship Id="rId109" Type="http://schemas.openxmlformats.org/officeDocument/2006/relationships/worksheet" Target="worksheets/sheet109.xml"/><Relationship Id="rId260" Type="http://schemas.openxmlformats.org/officeDocument/2006/relationships/worksheet" Target="worksheets/sheet260.xml"/><Relationship Id="rId281" Type="http://schemas.openxmlformats.org/officeDocument/2006/relationships/worksheet" Target="worksheets/sheet281.xml"/><Relationship Id="rId34" Type="http://schemas.openxmlformats.org/officeDocument/2006/relationships/worksheet" Target="worksheets/sheet34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20" Type="http://schemas.openxmlformats.org/officeDocument/2006/relationships/worksheet" Target="worksheets/sheet120.xml"/><Relationship Id="rId141" Type="http://schemas.openxmlformats.org/officeDocument/2006/relationships/worksheet" Target="worksheets/sheet141.xml"/><Relationship Id="rId7" Type="http://schemas.openxmlformats.org/officeDocument/2006/relationships/worksheet" Target="worksheets/sheet7.xml"/><Relationship Id="rId162" Type="http://schemas.openxmlformats.org/officeDocument/2006/relationships/worksheet" Target="worksheets/sheet162.xml"/><Relationship Id="rId183" Type="http://schemas.openxmlformats.org/officeDocument/2006/relationships/worksheet" Target="worksheets/sheet183.xml"/><Relationship Id="rId218" Type="http://schemas.openxmlformats.org/officeDocument/2006/relationships/worksheet" Target="worksheets/sheet218.xml"/><Relationship Id="rId239" Type="http://schemas.openxmlformats.org/officeDocument/2006/relationships/worksheet" Target="worksheets/sheet239.xml"/><Relationship Id="rId250" Type="http://schemas.openxmlformats.org/officeDocument/2006/relationships/worksheet" Target="worksheets/sheet250.xml"/><Relationship Id="rId271" Type="http://schemas.openxmlformats.org/officeDocument/2006/relationships/worksheet" Target="worksheets/sheet271.xml"/><Relationship Id="rId292" Type="http://schemas.openxmlformats.org/officeDocument/2006/relationships/worksheet" Target="worksheets/sheet292.xml"/><Relationship Id="rId306" Type="http://schemas.openxmlformats.org/officeDocument/2006/relationships/worksheet" Target="worksheets/sheet306.xml"/><Relationship Id="rId24" Type="http://schemas.openxmlformats.org/officeDocument/2006/relationships/worksheet" Target="worksheets/sheet24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31" Type="http://schemas.openxmlformats.org/officeDocument/2006/relationships/worksheet" Target="worksheets/sheet131.xml"/><Relationship Id="rId152" Type="http://schemas.openxmlformats.org/officeDocument/2006/relationships/worksheet" Target="worksheets/sheet152.xml"/><Relationship Id="rId173" Type="http://schemas.openxmlformats.org/officeDocument/2006/relationships/worksheet" Target="worksheets/sheet173.xml"/><Relationship Id="rId194" Type="http://schemas.openxmlformats.org/officeDocument/2006/relationships/worksheet" Target="worksheets/sheet194.xml"/><Relationship Id="rId208" Type="http://schemas.openxmlformats.org/officeDocument/2006/relationships/worksheet" Target="worksheets/sheet208.xml"/><Relationship Id="rId229" Type="http://schemas.openxmlformats.org/officeDocument/2006/relationships/worksheet" Target="worksheets/sheet229.xml"/><Relationship Id="rId240" Type="http://schemas.openxmlformats.org/officeDocument/2006/relationships/worksheet" Target="worksheets/sheet240.xml"/><Relationship Id="rId261" Type="http://schemas.openxmlformats.org/officeDocument/2006/relationships/worksheet" Target="worksheets/sheet261.xml"/><Relationship Id="rId14" Type="http://schemas.openxmlformats.org/officeDocument/2006/relationships/worksheet" Target="worksheets/sheet14.xml"/><Relationship Id="rId35" Type="http://schemas.openxmlformats.org/officeDocument/2006/relationships/worksheet" Target="worksheets/sheet35.xml"/><Relationship Id="rId56" Type="http://schemas.openxmlformats.org/officeDocument/2006/relationships/worksheet" Target="worksheets/sheet56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282" Type="http://schemas.openxmlformats.org/officeDocument/2006/relationships/worksheet" Target="worksheets/sheet282.xml"/><Relationship Id="rId8" Type="http://schemas.openxmlformats.org/officeDocument/2006/relationships/worksheet" Target="worksheets/sheet8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142" Type="http://schemas.openxmlformats.org/officeDocument/2006/relationships/worksheet" Target="worksheets/sheet142.xml"/><Relationship Id="rId163" Type="http://schemas.openxmlformats.org/officeDocument/2006/relationships/worksheet" Target="worksheets/sheet163.xml"/><Relationship Id="rId184" Type="http://schemas.openxmlformats.org/officeDocument/2006/relationships/worksheet" Target="worksheets/sheet184.xml"/><Relationship Id="rId219" Type="http://schemas.openxmlformats.org/officeDocument/2006/relationships/worksheet" Target="worksheets/sheet219.xml"/><Relationship Id="rId230" Type="http://schemas.openxmlformats.org/officeDocument/2006/relationships/worksheet" Target="worksheets/sheet230.xml"/><Relationship Id="rId251" Type="http://schemas.openxmlformats.org/officeDocument/2006/relationships/worksheet" Target="worksheets/sheet251.xml"/><Relationship Id="rId25" Type="http://schemas.openxmlformats.org/officeDocument/2006/relationships/worksheet" Target="worksheets/sheet25.xml"/><Relationship Id="rId46" Type="http://schemas.openxmlformats.org/officeDocument/2006/relationships/worksheet" Target="worksheets/sheet46.xml"/><Relationship Id="rId67" Type="http://schemas.openxmlformats.org/officeDocument/2006/relationships/worksheet" Target="worksheets/sheet67.xml"/><Relationship Id="rId272" Type="http://schemas.openxmlformats.org/officeDocument/2006/relationships/worksheet" Target="worksheets/sheet272.xml"/><Relationship Id="rId293" Type="http://schemas.openxmlformats.org/officeDocument/2006/relationships/worksheet" Target="worksheets/sheet293.xml"/><Relationship Id="rId307" Type="http://schemas.openxmlformats.org/officeDocument/2006/relationships/worksheet" Target="worksheets/sheet307.xml"/><Relationship Id="rId88" Type="http://schemas.openxmlformats.org/officeDocument/2006/relationships/worksheet" Target="worksheets/sheet88.xml"/><Relationship Id="rId111" Type="http://schemas.openxmlformats.org/officeDocument/2006/relationships/worksheet" Target="worksheets/sheet111.xml"/><Relationship Id="rId132" Type="http://schemas.openxmlformats.org/officeDocument/2006/relationships/worksheet" Target="worksheets/sheet132.xml"/><Relationship Id="rId153" Type="http://schemas.openxmlformats.org/officeDocument/2006/relationships/worksheet" Target="worksheets/sheet153.xml"/><Relationship Id="rId174" Type="http://schemas.openxmlformats.org/officeDocument/2006/relationships/worksheet" Target="worksheets/sheet174.xml"/><Relationship Id="rId195" Type="http://schemas.openxmlformats.org/officeDocument/2006/relationships/worksheet" Target="worksheets/sheet195.xml"/><Relationship Id="rId209" Type="http://schemas.openxmlformats.org/officeDocument/2006/relationships/worksheet" Target="worksheets/sheet209.xml"/><Relationship Id="rId220" Type="http://schemas.openxmlformats.org/officeDocument/2006/relationships/worksheet" Target="worksheets/sheet220.xml"/><Relationship Id="rId241" Type="http://schemas.openxmlformats.org/officeDocument/2006/relationships/worksheet" Target="worksheets/sheet241.xml"/><Relationship Id="rId15" Type="http://schemas.openxmlformats.org/officeDocument/2006/relationships/worksheet" Target="worksheets/sheet15.xml"/><Relationship Id="rId36" Type="http://schemas.openxmlformats.org/officeDocument/2006/relationships/worksheet" Target="worksheets/sheet36.xml"/><Relationship Id="rId57" Type="http://schemas.openxmlformats.org/officeDocument/2006/relationships/worksheet" Target="worksheets/sheet57.xml"/><Relationship Id="rId262" Type="http://schemas.openxmlformats.org/officeDocument/2006/relationships/worksheet" Target="worksheets/sheet262.xml"/><Relationship Id="rId283" Type="http://schemas.openxmlformats.org/officeDocument/2006/relationships/worksheet" Target="worksheets/sheet283.xml"/><Relationship Id="rId78" Type="http://schemas.openxmlformats.org/officeDocument/2006/relationships/worksheet" Target="worksheets/sheet78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43" Type="http://schemas.openxmlformats.org/officeDocument/2006/relationships/worksheet" Target="worksheets/sheet143.xml"/><Relationship Id="rId164" Type="http://schemas.openxmlformats.org/officeDocument/2006/relationships/worksheet" Target="worksheets/sheet164.xml"/><Relationship Id="rId185" Type="http://schemas.openxmlformats.org/officeDocument/2006/relationships/worksheet" Target="worksheets/sheet185.xml"/><Relationship Id="rId9" Type="http://schemas.openxmlformats.org/officeDocument/2006/relationships/worksheet" Target="worksheets/sheet9.xml"/><Relationship Id="rId210" Type="http://schemas.openxmlformats.org/officeDocument/2006/relationships/worksheet" Target="worksheets/sheet210.xml"/><Relationship Id="rId26" Type="http://schemas.openxmlformats.org/officeDocument/2006/relationships/worksheet" Target="worksheets/sheet26.xml"/><Relationship Id="rId231" Type="http://schemas.openxmlformats.org/officeDocument/2006/relationships/worksheet" Target="worksheets/sheet231.xml"/><Relationship Id="rId252" Type="http://schemas.openxmlformats.org/officeDocument/2006/relationships/worksheet" Target="worksheets/sheet252.xml"/><Relationship Id="rId273" Type="http://schemas.openxmlformats.org/officeDocument/2006/relationships/worksheet" Target="worksheets/sheet273.xml"/><Relationship Id="rId294" Type="http://schemas.openxmlformats.org/officeDocument/2006/relationships/worksheet" Target="worksheets/sheet294.xml"/><Relationship Id="rId308" Type="http://schemas.openxmlformats.org/officeDocument/2006/relationships/worksheet" Target="worksheets/sheet308.xml"/><Relationship Id="rId47" Type="http://schemas.openxmlformats.org/officeDocument/2006/relationships/worksheet" Target="worksheets/sheet47.xml"/><Relationship Id="rId68" Type="http://schemas.openxmlformats.org/officeDocument/2006/relationships/worksheet" Target="worksheets/sheet68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worksheet" Target="worksheets/sheet133.xml"/><Relationship Id="rId154" Type="http://schemas.openxmlformats.org/officeDocument/2006/relationships/worksheet" Target="worksheets/sheet154.xml"/><Relationship Id="rId175" Type="http://schemas.openxmlformats.org/officeDocument/2006/relationships/worksheet" Target="worksheets/sheet175.xml"/><Relationship Id="rId196" Type="http://schemas.openxmlformats.org/officeDocument/2006/relationships/worksheet" Target="worksheets/sheet196.xml"/><Relationship Id="rId200" Type="http://schemas.openxmlformats.org/officeDocument/2006/relationships/worksheet" Target="worksheets/sheet200.xml"/><Relationship Id="rId16" Type="http://schemas.openxmlformats.org/officeDocument/2006/relationships/worksheet" Target="worksheets/sheet16.xml"/><Relationship Id="rId221" Type="http://schemas.openxmlformats.org/officeDocument/2006/relationships/worksheet" Target="worksheets/sheet221.xml"/><Relationship Id="rId242" Type="http://schemas.openxmlformats.org/officeDocument/2006/relationships/worksheet" Target="worksheets/sheet242.xml"/><Relationship Id="rId263" Type="http://schemas.openxmlformats.org/officeDocument/2006/relationships/worksheet" Target="worksheets/sheet263.xml"/><Relationship Id="rId284" Type="http://schemas.openxmlformats.org/officeDocument/2006/relationships/worksheet" Target="worksheets/sheet284.xml"/><Relationship Id="rId37" Type="http://schemas.openxmlformats.org/officeDocument/2006/relationships/worksheet" Target="worksheets/sheet37.xml"/><Relationship Id="rId58" Type="http://schemas.openxmlformats.org/officeDocument/2006/relationships/worksheet" Target="worksheets/sheet58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44" Type="http://schemas.openxmlformats.org/officeDocument/2006/relationships/worksheet" Target="worksheets/sheet144.xml"/><Relationship Id="rId90" Type="http://schemas.openxmlformats.org/officeDocument/2006/relationships/worksheet" Target="worksheets/sheet90.xml"/><Relationship Id="rId165" Type="http://schemas.openxmlformats.org/officeDocument/2006/relationships/worksheet" Target="worksheets/sheet165.xml"/><Relationship Id="rId186" Type="http://schemas.openxmlformats.org/officeDocument/2006/relationships/worksheet" Target="worksheets/sheet186.xml"/><Relationship Id="rId211" Type="http://schemas.openxmlformats.org/officeDocument/2006/relationships/worksheet" Target="worksheets/sheet211.xml"/><Relationship Id="rId232" Type="http://schemas.openxmlformats.org/officeDocument/2006/relationships/worksheet" Target="worksheets/sheet232.xml"/><Relationship Id="rId253" Type="http://schemas.openxmlformats.org/officeDocument/2006/relationships/worksheet" Target="worksheets/sheet253.xml"/><Relationship Id="rId274" Type="http://schemas.openxmlformats.org/officeDocument/2006/relationships/worksheet" Target="worksheets/sheet274.xml"/><Relationship Id="rId295" Type="http://schemas.openxmlformats.org/officeDocument/2006/relationships/worksheet" Target="worksheets/sheet295.xml"/><Relationship Id="rId309" Type="http://schemas.openxmlformats.org/officeDocument/2006/relationships/worksheet" Target="worksheets/sheet309.xml"/><Relationship Id="rId27" Type="http://schemas.openxmlformats.org/officeDocument/2006/relationships/worksheet" Target="worksheets/sheet27.xml"/><Relationship Id="rId48" Type="http://schemas.openxmlformats.org/officeDocument/2006/relationships/worksheet" Target="worksheets/sheet48.xml"/><Relationship Id="rId69" Type="http://schemas.openxmlformats.org/officeDocument/2006/relationships/worksheet" Target="worksheets/sheet69.xml"/><Relationship Id="rId113" Type="http://schemas.openxmlformats.org/officeDocument/2006/relationships/worksheet" Target="worksheets/sheet113.xml"/><Relationship Id="rId134" Type="http://schemas.openxmlformats.org/officeDocument/2006/relationships/worksheet" Target="worksheets/sheet134.xml"/><Relationship Id="rId80" Type="http://schemas.openxmlformats.org/officeDocument/2006/relationships/worksheet" Target="worksheets/sheet80.xml"/><Relationship Id="rId155" Type="http://schemas.openxmlformats.org/officeDocument/2006/relationships/worksheet" Target="worksheets/sheet155.xml"/><Relationship Id="rId176" Type="http://schemas.openxmlformats.org/officeDocument/2006/relationships/worksheet" Target="worksheets/sheet176.xml"/><Relationship Id="rId197" Type="http://schemas.openxmlformats.org/officeDocument/2006/relationships/worksheet" Target="worksheets/sheet197.xml"/><Relationship Id="rId201" Type="http://schemas.openxmlformats.org/officeDocument/2006/relationships/worksheet" Target="worksheets/sheet201.xml"/><Relationship Id="rId222" Type="http://schemas.openxmlformats.org/officeDocument/2006/relationships/worksheet" Target="worksheets/sheet222.xml"/><Relationship Id="rId243" Type="http://schemas.openxmlformats.org/officeDocument/2006/relationships/worksheet" Target="worksheets/sheet243.xml"/><Relationship Id="rId264" Type="http://schemas.openxmlformats.org/officeDocument/2006/relationships/worksheet" Target="worksheets/sheet264.xml"/><Relationship Id="rId285" Type="http://schemas.openxmlformats.org/officeDocument/2006/relationships/worksheet" Target="worksheets/sheet285.xml"/><Relationship Id="rId17" Type="http://schemas.openxmlformats.org/officeDocument/2006/relationships/worksheet" Target="worksheets/sheet17.xml"/><Relationship Id="rId38" Type="http://schemas.openxmlformats.org/officeDocument/2006/relationships/worksheet" Target="worksheets/sheet38.xml"/><Relationship Id="rId59" Type="http://schemas.openxmlformats.org/officeDocument/2006/relationships/worksheet" Target="worksheets/sheet59.xml"/><Relationship Id="rId103" Type="http://schemas.openxmlformats.org/officeDocument/2006/relationships/worksheet" Target="worksheets/sheet103.xml"/><Relationship Id="rId124" Type="http://schemas.openxmlformats.org/officeDocument/2006/relationships/worksheet" Target="worksheets/sheet124.xml"/><Relationship Id="rId310" Type="http://schemas.openxmlformats.org/officeDocument/2006/relationships/theme" Target="theme/theme1.xml"/><Relationship Id="rId70" Type="http://schemas.openxmlformats.org/officeDocument/2006/relationships/worksheet" Target="worksheets/sheet70.xml"/><Relationship Id="rId91" Type="http://schemas.openxmlformats.org/officeDocument/2006/relationships/worksheet" Target="worksheets/sheet91.xml"/><Relationship Id="rId145" Type="http://schemas.openxmlformats.org/officeDocument/2006/relationships/worksheet" Target="worksheets/sheet145.xml"/><Relationship Id="rId166" Type="http://schemas.openxmlformats.org/officeDocument/2006/relationships/worksheet" Target="worksheets/sheet166.xml"/><Relationship Id="rId187" Type="http://schemas.openxmlformats.org/officeDocument/2006/relationships/worksheet" Target="worksheets/sheet187.xml"/><Relationship Id="rId1" Type="http://schemas.openxmlformats.org/officeDocument/2006/relationships/worksheet" Target="worksheets/sheet1.xml"/><Relationship Id="rId212" Type="http://schemas.openxmlformats.org/officeDocument/2006/relationships/worksheet" Target="worksheets/sheet212.xml"/><Relationship Id="rId233" Type="http://schemas.openxmlformats.org/officeDocument/2006/relationships/worksheet" Target="worksheets/sheet233.xml"/><Relationship Id="rId254" Type="http://schemas.openxmlformats.org/officeDocument/2006/relationships/worksheet" Target="worksheets/sheet254.xml"/><Relationship Id="rId28" Type="http://schemas.openxmlformats.org/officeDocument/2006/relationships/worksheet" Target="worksheets/sheet28.xml"/><Relationship Id="rId49" Type="http://schemas.openxmlformats.org/officeDocument/2006/relationships/worksheet" Target="worksheets/sheet49.xml"/><Relationship Id="rId114" Type="http://schemas.openxmlformats.org/officeDocument/2006/relationships/worksheet" Target="worksheets/sheet114.xml"/><Relationship Id="rId275" Type="http://schemas.openxmlformats.org/officeDocument/2006/relationships/worksheet" Target="worksheets/sheet275.xml"/><Relationship Id="rId296" Type="http://schemas.openxmlformats.org/officeDocument/2006/relationships/worksheet" Target="worksheets/sheet296.xml"/><Relationship Id="rId300" Type="http://schemas.openxmlformats.org/officeDocument/2006/relationships/worksheet" Target="worksheets/sheet300.xml"/><Relationship Id="rId60" Type="http://schemas.openxmlformats.org/officeDocument/2006/relationships/worksheet" Target="worksheets/sheet60.xml"/><Relationship Id="rId81" Type="http://schemas.openxmlformats.org/officeDocument/2006/relationships/worksheet" Target="worksheets/sheet81.xml"/><Relationship Id="rId135" Type="http://schemas.openxmlformats.org/officeDocument/2006/relationships/worksheet" Target="worksheets/sheet135.xml"/><Relationship Id="rId156" Type="http://schemas.openxmlformats.org/officeDocument/2006/relationships/worksheet" Target="worksheets/sheet156.xml"/><Relationship Id="rId177" Type="http://schemas.openxmlformats.org/officeDocument/2006/relationships/worksheet" Target="worksheets/sheet177.xml"/><Relationship Id="rId198" Type="http://schemas.openxmlformats.org/officeDocument/2006/relationships/worksheet" Target="worksheets/sheet198.xml"/><Relationship Id="rId202" Type="http://schemas.openxmlformats.org/officeDocument/2006/relationships/worksheet" Target="worksheets/sheet202.xml"/><Relationship Id="rId223" Type="http://schemas.openxmlformats.org/officeDocument/2006/relationships/worksheet" Target="worksheets/sheet223.xml"/><Relationship Id="rId244" Type="http://schemas.openxmlformats.org/officeDocument/2006/relationships/worksheet" Target="worksheets/sheet244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265" Type="http://schemas.openxmlformats.org/officeDocument/2006/relationships/worksheet" Target="worksheets/sheet265.xml"/><Relationship Id="rId286" Type="http://schemas.openxmlformats.org/officeDocument/2006/relationships/worksheet" Target="worksheets/sheet286.xml"/><Relationship Id="rId50" Type="http://schemas.openxmlformats.org/officeDocument/2006/relationships/worksheet" Target="worksheets/sheet50.xml"/><Relationship Id="rId104" Type="http://schemas.openxmlformats.org/officeDocument/2006/relationships/worksheet" Target="worksheets/sheet104.xml"/><Relationship Id="rId125" Type="http://schemas.openxmlformats.org/officeDocument/2006/relationships/worksheet" Target="worksheets/sheet125.xml"/><Relationship Id="rId146" Type="http://schemas.openxmlformats.org/officeDocument/2006/relationships/worksheet" Target="worksheets/sheet146.xml"/><Relationship Id="rId167" Type="http://schemas.openxmlformats.org/officeDocument/2006/relationships/worksheet" Target="worksheets/sheet167.xml"/><Relationship Id="rId188" Type="http://schemas.openxmlformats.org/officeDocument/2006/relationships/worksheet" Target="worksheets/sheet188.xml"/><Relationship Id="rId311" Type="http://schemas.openxmlformats.org/officeDocument/2006/relationships/styles" Target="styles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13" Type="http://schemas.openxmlformats.org/officeDocument/2006/relationships/worksheet" Target="worksheets/sheet213.xml"/><Relationship Id="rId234" Type="http://schemas.openxmlformats.org/officeDocument/2006/relationships/worksheet" Target="worksheets/sheet234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55" Type="http://schemas.openxmlformats.org/officeDocument/2006/relationships/worksheet" Target="worksheets/sheet255.xml"/><Relationship Id="rId276" Type="http://schemas.openxmlformats.org/officeDocument/2006/relationships/worksheet" Target="worksheets/sheet276.xml"/><Relationship Id="rId297" Type="http://schemas.openxmlformats.org/officeDocument/2006/relationships/worksheet" Target="worksheets/sheet297.xml"/><Relationship Id="rId40" Type="http://schemas.openxmlformats.org/officeDocument/2006/relationships/worksheet" Target="worksheets/sheet40.xml"/><Relationship Id="rId115" Type="http://schemas.openxmlformats.org/officeDocument/2006/relationships/worksheet" Target="worksheets/sheet115.xml"/><Relationship Id="rId136" Type="http://schemas.openxmlformats.org/officeDocument/2006/relationships/worksheet" Target="worksheets/sheet136.xml"/><Relationship Id="rId157" Type="http://schemas.openxmlformats.org/officeDocument/2006/relationships/worksheet" Target="worksheets/sheet157.xml"/><Relationship Id="rId178" Type="http://schemas.openxmlformats.org/officeDocument/2006/relationships/worksheet" Target="worksheets/sheet178.xml"/><Relationship Id="rId301" Type="http://schemas.openxmlformats.org/officeDocument/2006/relationships/worksheet" Target="worksheets/sheet301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9" Type="http://schemas.openxmlformats.org/officeDocument/2006/relationships/worksheet" Target="worksheets/sheet199.xml"/><Relationship Id="rId203" Type="http://schemas.openxmlformats.org/officeDocument/2006/relationships/worksheet" Target="worksheets/sheet203.xml"/><Relationship Id="rId19" Type="http://schemas.openxmlformats.org/officeDocument/2006/relationships/worksheet" Target="worksheets/sheet19.xml"/><Relationship Id="rId224" Type="http://schemas.openxmlformats.org/officeDocument/2006/relationships/worksheet" Target="worksheets/sheet224.xml"/><Relationship Id="rId245" Type="http://schemas.openxmlformats.org/officeDocument/2006/relationships/worksheet" Target="worksheets/sheet245.xml"/><Relationship Id="rId266" Type="http://schemas.openxmlformats.org/officeDocument/2006/relationships/worksheet" Target="worksheets/sheet266.xml"/><Relationship Id="rId287" Type="http://schemas.openxmlformats.org/officeDocument/2006/relationships/worksheet" Target="worksheets/sheet287.xml"/><Relationship Id="rId30" Type="http://schemas.openxmlformats.org/officeDocument/2006/relationships/worksheet" Target="worksheets/sheet30.xml"/><Relationship Id="rId105" Type="http://schemas.openxmlformats.org/officeDocument/2006/relationships/worksheet" Target="worksheets/sheet105.xml"/><Relationship Id="rId126" Type="http://schemas.openxmlformats.org/officeDocument/2006/relationships/worksheet" Target="worksheets/sheet126.xml"/><Relationship Id="rId147" Type="http://schemas.openxmlformats.org/officeDocument/2006/relationships/worksheet" Target="worksheets/sheet147.xml"/><Relationship Id="rId168" Type="http://schemas.openxmlformats.org/officeDocument/2006/relationships/worksheet" Target="worksheets/sheet168.xml"/><Relationship Id="rId312" Type="http://schemas.openxmlformats.org/officeDocument/2006/relationships/sharedStrings" Target="sharedStrings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93" Type="http://schemas.openxmlformats.org/officeDocument/2006/relationships/worksheet" Target="worksheets/sheet93.xml"/><Relationship Id="rId189" Type="http://schemas.openxmlformats.org/officeDocument/2006/relationships/worksheet" Target="worksheets/sheet189.xml"/><Relationship Id="rId3" Type="http://schemas.openxmlformats.org/officeDocument/2006/relationships/worksheet" Target="worksheets/sheet3.xml"/><Relationship Id="rId214" Type="http://schemas.openxmlformats.org/officeDocument/2006/relationships/worksheet" Target="worksheets/sheet214.xml"/><Relationship Id="rId235" Type="http://schemas.openxmlformats.org/officeDocument/2006/relationships/worksheet" Target="worksheets/sheet235.xml"/><Relationship Id="rId256" Type="http://schemas.openxmlformats.org/officeDocument/2006/relationships/worksheet" Target="worksheets/sheet256.xml"/><Relationship Id="rId277" Type="http://schemas.openxmlformats.org/officeDocument/2006/relationships/worksheet" Target="worksheets/sheet277.xml"/><Relationship Id="rId298" Type="http://schemas.openxmlformats.org/officeDocument/2006/relationships/worksheet" Target="worksheets/sheet298.xml"/><Relationship Id="rId116" Type="http://schemas.openxmlformats.org/officeDocument/2006/relationships/worksheet" Target="worksheets/sheet116.xml"/><Relationship Id="rId137" Type="http://schemas.openxmlformats.org/officeDocument/2006/relationships/worksheet" Target="worksheets/sheet137.xml"/><Relationship Id="rId158" Type="http://schemas.openxmlformats.org/officeDocument/2006/relationships/worksheet" Target="worksheets/sheet158.xml"/><Relationship Id="rId302" Type="http://schemas.openxmlformats.org/officeDocument/2006/relationships/worksheet" Target="worksheets/sheet302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62" Type="http://schemas.openxmlformats.org/officeDocument/2006/relationships/worksheet" Target="worksheets/sheet62.xml"/><Relationship Id="rId83" Type="http://schemas.openxmlformats.org/officeDocument/2006/relationships/worksheet" Target="worksheets/sheet83.xml"/><Relationship Id="rId179" Type="http://schemas.openxmlformats.org/officeDocument/2006/relationships/worksheet" Target="worksheets/sheet179.xml"/><Relationship Id="rId190" Type="http://schemas.openxmlformats.org/officeDocument/2006/relationships/worksheet" Target="worksheets/sheet190.xml"/><Relationship Id="rId204" Type="http://schemas.openxmlformats.org/officeDocument/2006/relationships/worksheet" Target="worksheets/sheet204.xml"/><Relationship Id="rId225" Type="http://schemas.openxmlformats.org/officeDocument/2006/relationships/worksheet" Target="worksheets/sheet225.xml"/><Relationship Id="rId246" Type="http://schemas.openxmlformats.org/officeDocument/2006/relationships/worksheet" Target="worksheets/sheet246.xml"/><Relationship Id="rId267" Type="http://schemas.openxmlformats.org/officeDocument/2006/relationships/worksheet" Target="worksheets/sheet267.xml"/><Relationship Id="rId288" Type="http://schemas.openxmlformats.org/officeDocument/2006/relationships/worksheet" Target="worksheets/sheet288.xml"/><Relationship Id="rId106" Type="http://schemas.openxmlformats.org/officeDocument/2006/relationships/worksheet" Target="worksheets/sheet106.xml"/><Relationship Id="rId127" Type="http://schemas.openxmlformats.org/officeDocument/2006/relationships/worksheet" Target="worksheets/sheet12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52" Type="http://schemas.openxmlformats.org/officeDocument/2006/relationships/worksheet" Target="worksheets/sheet52.xml"/><Relationship Id="rId73" Type="http://schemas.openxmlformats.org/officeDocument/2006/relationships/worksheet" Target="worksheets/sheet73.xml"/><Relationship Id="rId94" Type="http://schemas.openxmlformats.org/officeDocument/2006/relationships/worksheet" Target="worksheets/sheet94.xml"/><Relationship Id="rId148" Type="http://schemas.openxmlformats.org/officeDocument/2006/relationships/worksheet" Target="worksheets/sheet148.xml"/><Relationship Id="rId169" Type="http://schemas.openxmlformats.org/officeDocument/2006/relationships/worksheet" Target="worksheets/sheet169.xml"/><Relationship Id="rId4" Type="http://schemas.openxmlformats.org/officeDocument/2006/relationships/worksheet" Target="worksheets/sheet4.xml"/><Relationship Id="rId180" Type="http://schemas.openxmlformats.org/officeDocument/2006/relationships/worksheet" Target="worksheets/sheet180.xml"/><Relationship Id="rId215" Type="http://schemas.openxmlformats.org/officeDocument/2006/relationships/worksheet" Target="worksheets/sheet215.xml"/><Relationship Id="rId236" Type="http://schemas.openxmlformats.org/officeDocument/2006/relationships/worksheet" Target="worksheets/sheet236.xml"/><Relationship Id="rId257" Type="http://schemas.openxmlformats.org/officeDocument/2006/relationships/worksheet" Target="worksheets/sheet257.xml"/><Relationship Id="rId278" Type="http://schemas.openxmlformats.org/officeDocument/2006/relationships/worksheet" Target="worksheets/sheet278.xml"/><Relationship Id="rId303" Type="http://schemas.openxmlformats.org/officeDocument/2006/relationships/worksheet" Target="worksheets/sheet303.xml"/><Relationship Id="rId42" Type="http://schemas.openxmlformats.org/officeDocument/2006/relationships/worksheet" Target="worksheets/sheet42.xml"/><Relationship Id="rId84" Type="http://schemas.openxmlformats.org/officeDocument/2006/relationships/worksheet" Target="worksheets/sheet84.xml"/><Relationship Id="rId138" Type="http://schemas.openxmlformats.org/officeDocument/2006/relationships/worksheet" Target="worksheets/sheet138.xml"/><Relationship Id="rId191" Type="http://schemas.openxmlformats.org/officeDocument/2006/relationships/worksheet" Target="worksheets/sheet191.xml"/><Relationship Id="rId205" Type="http://schemas.openxmlformats.org/officeDocument/2006/relationships/worksheet" Target="worksheets/sheet205.xml"/><Relationship Id="rId247" Type="http://schemas.openxmlformats.org/officeDocument/2006/relationships/worksheet" Target="worksheets/sheet247.xml"/><Relationship Id="rId107" Type="http://schemas.openxmlformats.org/officeDocument/2006/relationships/worksheet" Target="worksheets/sheet107.xml"/><Relationship Id="rId289" Type="http://schemas.openxmlformats.org/officeDocument/2006/relationships/worksheet" Target="worksheets/sheet289.xml"/><Relationship Id="rId11" Type="http://schemas.openxmlformats.org/officeDocument/2006/relationships/worksheet" Target="worksheets/sheet11.xml"/><Relationship Id="rId53" Type="http://schemas.openxmlformats.org/officeDocument/2006/relationships/worksheet" Target="worksheets/sheet53.xml"/><Relationship Id="rId149" Type="http://schemas.openxmlformats.org/officeDocument/2006/relationships/worksheet" Target="worksheets/sheet149.xml"/><Relationship Id="rId95" Type="http://schemas.openxmlformats.org/officeDocument/2006/relationships/worksheet" Target="worksheets/sheet95.xml"/><Relationship Id="rId160" Type="http://schemas.openxmlformats.org/officeDocument/2006/relationships/worksheet" Target="worksheets/sheet160.xml"/><Relationship Id="rId216" Type="http://schemas.openxmlformats.org/officeDocument/2006/relationships/worksheet" Target="worksheets/sheet216.xml"/><Relationship Id="rId258" Type="http://schemas.openxmlformats.org/officeDocument/2006/relationships/worksheet" Target="worksheets/sheet258.xml"/><Relationship Id="rId22" Type="http://schemas.openxmlformats.org/officeDocument/2006/relationships/worksheet" Target="worksheets/sheet22.xml"/><Relationship Id="rId64" Type="http://schemas.openxmlformats.org/officeDocument/2006/relationships/worksheet" Target="worksheets/sheet64.xml"/><Relationship Id="rId118" Type="http://schemas.openxmlformats.org/officeDocument/2006/relationships/worksheet" Target="worksheets/sheet118.xml"/><Relationship Id="rId171" Type="http://schemas.openxmlformats.org/officeDocument/2006/relationships/worksheet" Target="worksheets/sheet171.xml"/><Relationship Id="rId227" Type="http://schemas.openxmlformats.org/officeDocument/2006/relationships/worksheet" Target="worksheets/sheet227.xml"/><Relationship Id="rId269" Type="http://schemas.openxmlformats.org/officeDocument/2006/relationships/worksheet" Target="worksheets/sheet269.xml"/><Relationship Id="rId33" Type="http://schemas.openxmlformats.org/officeDocument/2006/relationships/worksheet" Target="worksheets/sheet33.xml"/><Relationship Id="rId129" Type="http://schemas.openxmlformats.org/officeDocument/2006/relationships/worksheet" Target="worksheets/sheet129.xml"/><Relationship Id="rId280" Type="http://schemas.openxmlformats.org/officeDocument/2006/relationships/worksheet" Target="worksheets/sheet280.xml"/><Relationship Id="rId75" Type="http://schemas.openxmlformats.org/officeDocument/2006/relationships/worksheet" Target="worksheets/sheet75.xml"/><Relationship Id="rId140" Type="http://schemas.openxmlformats.org/officeDocument/2006/relationships/worksheet" Target="worksheets/sheet140.xml"/><Relationship Id="rId182" Type="http://schemas.openxmlformats.org/officeDocument/2006/relationships/worksheet" Target="worksheets/sheet182.xml"/><Relationship Id="rId6" Type="http://schemas.openxmlformats.org/officeDocument/2006/relationships/worksheet" Target="worksheets/sheet6.xml"/><Relationship Id="rId238" Type="http://schemas.openxmlformats.org/officeDocument/2006/relationships/worksheet" Target="worksheets/sheet238.xml"/><Relationship Id="rId291" Type="http://schemas.openxmlformats.org/officeDocument/2006/relationships/worksheet" Target="worksheets/sheet291.xml"/><Relationship Id="rId305" Type="http://schemas.openxmlformats.org/officeDocument/2006/relationships/worksheet" Target="worksheets/sheet30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1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1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1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1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1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1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1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1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1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1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1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1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1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1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1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1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1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1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1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1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1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1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1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1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1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1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1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1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1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1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1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1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1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1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1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1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1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1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1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1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1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1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1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1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1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1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1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1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1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1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_rels/sheet1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1.bin"/></Relationships>
</file>

<file path=xl/worksheets/_rels/sheet1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2.bin"/></Relationships>
</file>

<file path=xl/worksheets/_rels/sheet1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3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2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4.bin"/></Relationships>
</file>

<file path=xl/worksheets/_rels/sheet2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5.bin"/></Relationships>
</file>

<file path=xl/worksheets/_rels/sheet2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6.bin"/></Relationships>
</file>

<file path=xl/worksheets/_rels/sheet2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7.bin"/></Relationships>
</file>

<file path=xl/worksheets/_rels/sheet2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8.bin"/></Relationships>
</file>

<file path=xl/worksheets/_rels/sheet2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9.bin"/></Relationships>
</file>

<file path=xl/worksheets/_rels/sheet2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0.bin"/></Relationships>
</file>

<file path=xl/worksheets/_rels/sheet2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1.bin"/></Relationships>
</file>

<file path=xl/worksheets/_rels/sheet2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2.bin"/></Relationships>
</file>

<file path=xl/worksheets/_rels/sheet2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3.bin"/></Relationships>
</file>

<file path=xl/worksheets/_rels/sheet2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4.bin"/></Relationships>
</file>

<file path=xl/worksheets/_rels/sheet2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5.bin"/></Relationships>
</file>

<file path=xl/worksheets/_rels/sheet2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6.bin"/></Relationships>
</file>

<file path=xl/worksheets/_rels/sheet2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7.bin"/></Relationships>
</file>

<file path=xl/worksheets/_rels/sheet2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8.bin"/></Relationships>
</file>

<file path=xl/worksheets/_rels/sheet2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9.bin"/></Relationships>
</file>

<file path=xl/worksheets/_rels/sheet2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0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2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1.bin"/></Relationships>
</file>

<file path=xl/worksheets/_rels/sheet2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2.bin"/></Relationships>
</file>

<file path=xl/worksheets/_rels/sheet2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3.bin"/></Relationships>
</file>

<file path=xl/worksheets/_rels/sheet2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4.bin"/></Relationships>
</file>

<file path=xl/worksheets/_rels/sheet2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5.bin"/></Relationships>
</file>

<file path=xl/worksheets/_rels/sheet2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6.bin"/></Relationships>
</file>

<file path=xl/worksheets/_rels/sheet2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7.bin"/></Relationships>
</file>

<file path=xl/worksheets/_rels/sheet2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8.bin"/></Relationships>
</file>

<file path=xl/worksheets/_rels/sheet2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9.bin"/></Relationships>
</file>

<file path=xl/worksheets/_rels/sheet2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0.bin"/></Relationships>
</file>

<file path=xl/worksheets/_rels/sheet2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1.bin"/></Relationships>
</file>

<file path=xl/worksheets/_rels/sheet2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2.bin"/></Relationships>
</file>

<file path=xl/worksheets/_rels/sheet2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3.bin"/></Relationships>
</file>

<file path=xl/worksheets/_rels/sheet2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4.bin"/></Relationships>
</file>

<file path=xl/worksheets/_rels/sheet2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5.bin"/></Relationships>
</file>

<file path=xl/worksheets/_rels/sheet2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6.bin"/></Relationships>
</file>

<file path=xl/worksheets/_rels/sheet2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7.bin"/></Relationships>
</file>

<file path=xl/worksheets/_rels/sheet2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8.bin"/></Relationships>
</file>

<file path=xl/worksheets/_rels/sheet2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9.bin"/></Relationships>
</file>

<file path=xl/worksheets/_rels/sheet2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0.bin"/></Relationships>
</file>

<file path=xl/worksheets/_rels/sheet2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1.bin"/></Relationships>
</file>

<file path=xl/worksheets/_rels/sheet2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2.bin"/></Relationships>
</file>

<file path=xl/worksheets/_rels/sheet2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3.bin"/></Relationships>
</file>

<file path=xl/worksheets/_rels/sheet2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4.bin"/></Relationships>
</file>

<file path=xl/worksheets/_rels/sheet2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5.bin"/></Relationships>
</file>

<file path=xl/worksheets/_rels/sheet2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6.bin"/></Relationships>
</file>

<file path=xl/worksheets/_rels/sheet2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7.bin"/></Relationships>
</file>

<file path=xl/worksheets/_rels/sheet2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8.bin"/></Relationships>
</file>

<file path=xl/worksheets/_rels/sheet2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9.bin"/></Relationships>
</file>

<file path=xl/worksheets/_rels/sheet2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0.bin"/></Relationships>
</file>

<file path=xl/worksheets/_rels/sheet2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1.bin"/></Relationships>
</file>

<file path=xl/worksheets/_rels/sheet2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2.bin"/></Relationships>
</file>

<file path=xl/worksheets/_rels/sheet2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3.bin"/></Relationships>
</file>

<file path=xl/worksheets/_rels/sheet2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4.bin"/></Relationships>
</file>

<file path=xl/worksheets/_rels/sheet2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5.bin"/></Relationships>
</file>

<file path=xl/worksheets/_rels/sheet2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6.bin"/></Relationships>
</file>

<file path=xl/worksheets/_rels/sheet2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7.bin"/></Relationships>
</file>

<file path=xl/worksheets/_rels/sheet2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8.bin"/></Relationships>
</file>

<file path=xl/worksheets/_rels/sheet2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9.bin"/></Relationships>
</file>

<file path=xl/worksheets/_rels/sheet2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0.bin"/></Relationships>
</file>

<file path=xl/worksheets/_rels/sheet2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1.bin"/></Relationships>
</file>

<file path=xl/worksheets/_rels/sheet2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2.bin"/></Relationships>
</file>

<file path=xl/worksheets/_rels/sheet2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3.bin"/></Relationships>
</file>

<file path=xl/worksheets/_rels/sheet2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4.bin"/></Relationships>
</file>

<file path=xl/worksheets/_rels/sheet2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5.bin"/></Relationships>
</file>

<file path=xl/worksheets/_rels/sheet2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6.bin"/></Relationships>
</file>

<file path=xl/worksheets/_rels/sheet3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7.bin"/></Relationships>
</file>

<file path=xl/worksheets/_rels/sheet3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8.bin"/></Relationships>
</file>

<file path=xl/worksheets/_rels/sheet3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9.bin"/></Relationships>
</file>

<file path=xl/worksheets/_rels/sheet3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4">
    <pageSetUpPr fitToPage="1"/>
  </sheetPr>
  <dimension ref="A1:W29"/>
  <sheetViews>
    <sheetView tabSelected="1" zoomScaleNormal="100" zoomScaleSheetLayoutView="80" workbookViewId="0"/>
  </sheetViews>
  <sheetFormatPr defaultColWidth="9" defaultRowHeight="30" customHeight="1"/>
  <cols>
    <col min="1" max="1" width="3.75" style="1" customWidth="1"/>
    <col min="2" max="2" width="15.25" style="8" customWidth="1"/>
    <col min="3" max="23" width="4.125" style="1" customWidth="1"/>
    <col min="24" max="16384" width="9" style="1"/>
  </cols>
  <sheetData>
    <row r="1" spans="1:23" ht="30" customHeight="1">
      <c r="A1" s="28" t="s">
        <v>587</v>
      </c>
      <c r="B1" s="6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</row>
    <row r="2" spans="1:23" ht="30" customHeight="1">
      <c r="A2" s="59"/>
      <c r="B2" s="60"/>
      <c r="C2" s="63" t="s">
        <v>3</v>
      </c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  <c r="S2" s="64"/>
      <c r="T2" s="65"/>
      <c r="U2" s="66" t="s">
        <v>4</v>
      </c>
      <c r="V2" s="66"/>
      <c r="W2" s="66"/>
    </row>
    <row r="3" spans="1:23" s="2" customFormat="1" ht="145.5">
      <c r="A3" s="61"/>
      <c r="B3" s="62"/>
      <c r="C3" s="46" t="s">
        <v>16</v>
      </c>
      <c r="D3" s="46" t="s">
        <v>256</v>
      </c>
      <c r="E3" s="46" t="s">
        <v>29</v>
      </c>
      <c r="F3" s="46" t="s">
        <v>242</v>
      </c>
      <c r="G3" s="46" t="s">
        <v>37</v>
      </c>
      <c r="H3" s="46" t="s">
        <v>248</v>
      </c>
      <c r="I3" s="46" t="s">
        <v>41</v>
      </c>
      <c r="J3" s="46" t="s">
        <v>47</v>
      </c>
      <c r="K3" s="46" t="s">
        <v>55</v>
      </c>
      <c r="L3" s="46" t="s">
        <v>59</v>
      </c>
      <c r="M3" s="47" t="s">
        <v>66</v>
      </c>
      <c r="N3" s="47" t="s">
        <v>72</v>
      </c>
      <c r="O3" s="47" t="s">
        <v>76</v>
      </c>
      <c r="P3" s="46" t="s">
        <v>80</v>
      </c>
      <c r="Q3" s="46" t="s">
        <v>83</v>
      </c>
      <c r="R3" s="46" t="s">
        <v>84</v>
      </c>
      <c r="S3" s="46" t="s">
        <v>90</v>
      </c>
      <c r="T3" s="46" t="s">
        <v>93</v>
      </c>
      <c r="U3" s="46" t="s">
        <v>100</v>
      </c>
      <c r="V3" s="46" t="s">
        <v>104</v>
      </c>
      <c r="W3" s="46" t="s">
        <v>108</v>
      </c>
    </row>
    <row r="4" spans="1:23" ht="30" customHeight="1">
      <c r="A4" s="58" t="s">
        <v>2</v>
      </c>
      <c r="B4" s="7" t="s">
        <v>5</v>
      </c>
      <c r="C4" s="4">
        <v>1</v>
      </c>
      <c r="D4" s="4">
        <v>2</v>
      </c>
      <c r="E4" s="4">
        <v>3</v>
      </c>
      <c r="F4" s="4">
        <v>4</v>
      </c>
      <c r="G4" s="4">
        <v>5</v>
      </c>
      <c r="H4" s="4">
        <v>6</v>
      </c>
      <c r="I4" s="4">
        <v>7</v>
      </c>
      <c r="J4" s="4">
        <v>8</v>
      </c>
      <c r="K4" s="4">
        <v>9</v>
      </c>
      <c r="L4" s="4">
        <v>10</v>
      </c>
      <c r="M4" s="4">
        <v>11</v>
      </c>
      <c r="N4" s="4">
        <v>12</v>
      </c>
      <c r="O4" s="4">
        <v>13</v>
      </c>
      <c r="P4" s="4">
        <v>14</v>
      </c>
      <c r="Q4" s="4">
        <v>15</v>
      </c>
      <c r="R4" s="4">
        <v>16</v>
      </c>
      <c r="S4" s="4">
        <v>17</v>
      </c>
      <c r="T4" s="4">
        <v>18</v>
      </c>
      <c r="U4" s="4">
        <v>19</v>
      </c>
      <c r="V4" s="4">
        <v>20</v>
      </c>
      <c r="W4" s="4">
        <v>21</v>
      </c>
    </row>
    <row r="5" spans="1:23" ht="30" customHeight="1">
      <c r="A5" s="58"/>
      <c r="B5" s="7" t="s">
        <v>0</v>
      </c>
      <c r="C5" s="4">
        <v>22</v>
      </c>
      <c r="D5" s="4">
        <v>23</v>
      </c>
      <c r="E5" s="4">
        <v>24</v>
      </c>
      <c r="F5" s="4">
        <v>25</v>
      </c>
      <c r="G5" s="4">
        <v>26</v>
      </c>
      <c r="H5" s="4">
        <v>27</v>
      </c>
      <c r="I5" s="4">
        <v>28</v>
      </c>
      <c r="J5" s="4">
        <v>29</v>
      </c>
      <c r="K5" s="4">
        <v>30</v>
      </c>
      <c r="L5" s="4">
        <v>31</v>
      </c>
      <c r="M5" s="4">
        <v>32</v>
      </c>
      <c r="N5" s="4">
        <v>33</v>
      </c>
      <c r="O5" s="4">
        <v>34</v>
      </c>
      <c r="P5" s="4">
        <v>35</v>
      </c>
      <c r="Q5" s="4">
        <v>36</v>
      </c>
      <c r="R5" s="4">
        <v>37</v>
      </c>
      <c r="S5" s="4"/>
      <c r="T5" s="4">
        <v>38</v>
      </c>
      <c r="U5" s="4">
        <v>39</v>
      </c>
      <c r="V5" s="4">
        <v>40</v>
      </c>
      <c r="W5" s="4">
        <v>41</v>
      </c>
    </row>
    <row r="6" spans="1:23" ht="30" customHeight="1">
      <c r="A6" s="58"/>
      <c r="B6" s="7" t="s">
        <v>131</v>
      </c>
      <c r="C6" s="4">
        <v>42</v>
      </c>
      <c r="D6" s="4">
        <v>43</v>
      </c>
      <c r="E6" s="4">
        <v>44</v>
      </c>
      <c r="F6" s="4">
        <v>45</v>
      </c>
      <c r="G6" s="4">
        <v>46</v>
      </c>
      <c r="H6" s="4">
        <v>47</v>
      </c>
      <c r="I6" s="4">
        <v>48</v>
      </c>
      <c r="J6" s="4">
        <v>49</v>
      </c>
      <c r="K6" s="4">
        <v>50</v>
      </c>
      <c r="L6" s="4">
        <v>51</v>
      </c>
      <c r="M6" s="4">
        <v>52</v>
      </c>
      <c r="N6" s="4">
        <v>53</v>
      </c>
      <c r="O6" s="4">
        <v>54</v>
      </c>
      <c r="P6" s="4">
        <v>55</v>
      </c>
      <c r="Q6" s="4">
        <v>56</v>
      </c>
      <c r="R6" s="4">
        <v>57</v>
      </c>
      <c r="S6" s="4"/>
      <c r="T6" s="4">
        <v>58</v>
      </c>
      <c r="U6" s="4">
        <v>59</v>
      </c>
      <c r="V6" s="4">
        <v>60</v>
      </c>
      <c r="W6" s="4">
        <v>61</v>
      </c>
    </row>
    <row r="7" spans="1:23" ht="30" customHeight="1">
      <c r="A7" s="58"/>
      <c r="B7" s="7" t="s">
        <v>142</v>
      </c>
      <c r="C7" s="4">
        <v>62</v>
      </c>
      <c r="D7" s="4">
        <v>63</v>
      </c>
      <c r="E7" s="4">
        <v>64</v>
      </c>
      <c r="F7" s="4">
        <v>65</v>
      </c>
      <c r="G7" s="4">
        <v>66</v>
      </c>
      <c r="H7" s="4">
        <v>67</v>
      </c>
      <c r="I7" s="4">
        <v>68</v>
      </c>
      <c r="J7" s="4">
        <v>69</v>
      </c>
      <c r="K7" s="4">
        <v>70</v>
      </c>
      <c r="L7" s="4">
        <v>71</v>
      </c>
      <c r="M7" s="4">
        <v>72</v>
      </c>
      <c r="N7" s="4">
        <v>73</v>
      </c>
      <c r="O7" s="4">
        <v>74</v>
      </c>
      <c r="P7" s="4">
        <v>75</v>
      </c>
      <c r="Q7" s="4">
        <v>76</v>
      </c>
      <c r="R7" s="4">
        <v>77</v>
      </c>
      <c r="S7" s="4"/>
      <c r="T7" s="4">
        <v>78</v>
      </c>
      <c r="U7" s="4">
        <v>79</v>
      </c>
      <c r="V7" s="4">
        <v>80</v>
      </c>
      <c r="W7" s="4">
        <v>81</v>
      </c>
    </row>
    <row r="8" spans="1:23" ht="30" customHeight="1">
      <c r="A8" s="67" t="s">
        <v>3</v>
      </c>
      <c r="B8" s="7" t="s">
        <v>16</v>
      </c>
      <c r="C8" s="5"/>
      <c r="D8" s="4">
        <v>82</v>
      </c>
      <c r="E8" s="4">
        <v>83</v>
      </c>
      <c r="F8" s="4">
        <v>84</v>
      </c>
      <c r="G8" s="4">
        <v>85</v>
      </c>
      <c r="H8" s="4">
        <v>86</v>
      </c>
      <c r="I8" s="4">
        <v>87</v>
      </c>
      <c r="J8" s="4">
        <v>88</v>
      </c>
      <c r="K8" s="4">
        <v>89</v>
      </c>
      <c r="L8" s="4">
        <v>90</v>
      </c>
      <c r="M8" s="4">
        <v>91</v>
      </c>
      <c r="N8" s="4">
        <v>92</v>
      </c>
      <c r="O8" s="4">
        <v>93</v>
      </c>
      <c r="P8" s="4">
        <v>94</v>
      </c>
      <c r="Q8" s="4">
        <v>95</v>
      </c>
      <c r="R8" s="4">
        <v>96</v>
      </c>
      <c r="S8" s="4">
        <v>97</v>
      </c>
      <c r="T8" s="4">
        <v>98</v>
      </c>
      <c r="U8" s="4">
        <v>99</v>
      </c>
      <c r="V8" s="4">
        <v>100</v>
      </c>
      <c r="W8" s="4">
        <v>101</v>
      </c>
    </row>
    <row r="9" spans="1:23" ht="30" customHeight="1">
      <c r="A9" s="68"/>
      <c r="B9" s="7" t="s">
        <v>256</v>
      </c>
      <c r="C9" s="9"/>
      <c r="D9" s="5"/>
      <c r="E9" s="4">
        <v>102</v>
      </c>
      <c r="F9" s="4">
        <v>103</v>
      </c>
      <c r="G9" s="4">
        <v>104</v>
      </c>
      <c r="H9" s="4">
        <v>105</v>
      </c>
      <c r="I9" s="4">
        <v>106</v>
      </c>
      <c r="J9" s="4">
        <v>107</v>
      </c>
      <c r="K9" s="4">
        <v>108</v>
      </c>
      <c r="L9" s="4">
        <v>109</v>
      </c>
      <c r="M9" s="4">
        <v>110</v>
      </c>
      <c r="N9" s="4">
        <v>111</v>
      </c>
      <c r="O9" s="4">
        <v>112</v>
      </c>
      <c r="P9" s="4">
        <v>113</v>
      </c>
      <c r="Q9" s="4">
        <v>114</v>
      </c>
      <c r="R9" s="4">
        <v>115</v>
      </c>
      <c r="S9" s="4">
        <v>116</v>
      </c>
      <c r="T9" s="4">
        <v>117</v>
      </c>
      <c r="U9" s="4">
        <v>118</v>
      </c>
      <c r="V9" s="4">
        <v>119</v>
      </c>
      <c r="W9" s="4">
        <v>120</v>
      </c>
    </row>
    <row r="10" spans="1:23" ht="30" customHeight="1">
      <c r="A10" s="68"/>
      <c r="B10" s="7" t="s">
        <v>29</v>
      </c>
      <c r="C10" s="9"/>
      <c r="D10" s="9"/>
      <c r="E10" s="5"/>
      <c r="F10" s="4">
        <v>121</v>
      </c>
      <c r="G10" s="4">
        <v>122</v>
      </c>
      <c r="H10" s="4">
        <v>123</v>
      </c>
      <c r="I10" s="4">
        <v>124</v>
      </c>
      <c r="J10" s="4">
        <v>125</v>
      </c>
      <c r="K10" s="4">
        <v>126</v>
      </c>
      <c r="L10" s="4">
        <v>127</v>
      </c>
      <c r="M10" s="4">
        <v>128</v>
      </c>
      <c r="N10" s="4">
        <v>129</v>
      </c>
      <c r="O10" s="4">
        <v>130</v>
      </c>
      <c r="P10" s="4">
        <v>131</v>
      </c>
      <c r="Q10" s="4">
        <v>132</v>
      </c>
      <c r="R10" s="4">
        <v>133</v>
      </c>
      <c r="S10" s="4">
        <v>134</v>
      </c>
      <c r="T10" s="4">
        <v>135</v>
      </c>
      <c r="U10" s="4">
        <v>136</v>
      </c>
      <c r="V10" s="4">
        <v>137</v>
      </c>
      <c r="W10" s="4">
        <v>138</v>
      </c>
    </row>
    <row r="11" spans="1:23" ht="30" customHeight="1">
      <c r="A11" s="68"/>
      <c r="B11" s="7" t="s">
        <v>242</v>
      </c>
      <c r="C11" s="9"/>
      <c r="D11" s="9"/>
      <c r="E11" s="9"/>
      <c r="F11" s="5"/>
      <c r="G11" s="4">
        <v>139</v>
      </c>
      <c r="H11" s="4">
        <v>140</v>
      </c>
      <c r="I11" s="4">
        <v>141</v>
      </c>
      <c r="J11" s="4">
        <v>142</v>
      </c>
      <c r="K11" s="4">
        <v>143</v>
      </c>
      <c r="L11" s="4">
        <v>144</v>
      </c>
      <c r="M11" s="4">
        <v>145</v>
      </c>
      <c r="N11" s="4">
        <v>146</v>
      </c>
      <c r="O11" s="4">
        <v>147</v>
      </c>
      <c r="P11" s="4">
        <v>148</v>
      </c>
      <c r="Q11" s="4">
        <v>149</v>
      </c>
      <c r="R11" s="4">
        <v>150</v>
      </c>
      <c r="S11" s="4">
        <v>151</v>
      </c>
      <c r="T11" s="4">
        <v>152</v>
      </c>
      <c r="U11" s="4">
        <v>153</v>
      </c>
      <c r="V11" s="4">
        <v>154</v>
      </c>
      <c r="W11" s="4">
        <v>155</v>
      </c>
    </row>
    <row r="12" spans="1:23" ht="30" customHeight="1">
      <c r="A12" s="68"/>
      <c r="B12" s="7" t="s">
        <v>37</v>
      </c>
      <c r="C12" s="9"/>
      <c r="D12" s="9"/>
      <c r="E12" s="9"/>
      <c r="F12" s="9"/>
      <c r="G12" s="5"/>
      <c r="H12" s="4">
        <v>156</v>
      </c>
      <c r="I12" s="4">
        <v>157</v>
      </c>
      <c r="J12" s="4">
        <v>158</v>
      </c>
      <c r="K12" s="4">
        <v>159</v>
      </c>
      <c r="L12" s="4">
        <v>160</v>
      </c>
      <c r="M12" s="4">
        <v>161</v>
      </c>
      <c r="N12" s="4">
        <v>162</v>
      </c>
      <c r="O12" s="4">
        <v>163</v>
      </c>
      <c r="P12" s="4">
        <v>164</v>
      </c>
      <c r="Q12" s="4">
        <v>165</v>
      </c>
      <c r="R12" s="4">
        <v>166</v>
      </c>
      <c r="S12" s="4">
        <v>167</v>
      </c>
      <c r="T12" s="4">
        <v>168</v>
      </c>
      <c r="U12" s="4">
        <v>169</v>
      </c>
      <c r="V12" s="4">
        <v>170</v>
      </c>
      <c r="W12" s="4">
        <v>171</v>
      </c>
    </row>
    <row r="13" spans="1:23" ht="30" customHeight="1">
      <c r="A13" s="68"/>
      <c r="B13" s="7" t="s">
        <v>248</v>
      </c>
      <c r="C13" s="9"/>
      <c r="D13" s="9"/>
      <c r="E13" s="9"/>
      <c r="F13" s="9"/>
      <c r="G13" s="9"/>
      <c r="H13" s="5"/>
      <c r="I13" s="4">
        <v>172</v>
      </c>
      <c r="J13" s="4">
        <v>173</v>
      </c>
      <c r="K13" s="4">
        <v>174</v>
      </c>
      <c r="L13" s="4">
        <v>175</v>
      </c>
      <c r="M13" s="4">
        <v>176</v>
      </c>
      <c r="N13" s="4">
        <v>177</v>
      </c>
      <c r="O13" s="4">
        <v>178</v>
      </c>
      <c r="P13" s="4">
        <v>179</v>
      </c>
      <c r="Q13" s="4">
        <v>180</v>
      </c>
      <c r="R13" s="4">
        <v>181</v>
      </c>
      <c r="S13" s="4">
        <v>182</v>
      </c>
      <c r="T13" s="4">
        <v>183</v>
      </c>
      <c r="U13" s="4">
        <v>184</v>
      </c>
      <c r="V13" s="4">
        <v>185</v>
      </c>
      <c r="W13" s="4">
        <v>186</v>
      </c>
    </row>
    <row r="14" spans="1:23" ht="30" customHeight="1">
      <c r="A14" s="68"/>
      <c r="B14" s="7" t="s">
        <v>41</v>
      </c>
      <c r="C14" s="9"/>
      <c r="D14" s="9"/>
      <c r="E14" s="9"/>
      <c r="F14" s="9"/>
      <c r="G14" s="9"/>
      <c r="H14" s="9"/>
      <c r="I14" s="5"/>
      <c r="J14" s="4">
        <v>187</v>
      </c>
      <c r="K14" s="4">
        <v>188</v>
      </c>
      <c r="L14" s="4">
        <v>189</v>
      </c>
      <c r="M14" s="4">
        <v>190</v>
      </c>
      <c r="N14" s="4">
        <v>191</v>
      </c>
      <c r="O14" s="4">
        <v>192</v>
      </c>
      <c r="P14" s="4">
        <v>193</v>
      </c>
      <c r="Q14" s="4">
        <v>194</v>
      </c>
      <c r="R14" s="4">
        <v>195</v>
      </c>
      <c r="S14" s="4">
        <v>196</v>
      </c>
      <c r="T14" s="4">
        <v>197</v>
      </c>
      <c r="U14" s="4">
        <v>198</v>
      </c>
      <c r="V14" s="4">
        <v>199</v>
      </c>
      <c r="W14" s="4">
        <v>200</v>
      </c>
    </row>
    <row r="15" spans="1:23" ht="30" customHeight="1">
      <c r="A15" s="68"/>
      <c r="B15" s="7" t="s">
        <v>47</v>
      </c>
      <c r="C15" s="9"/>
      <c r="D15" s="9"/>
      <c r="E15" s="9"/>
      <c r="F15" s="9"/>
      <c r="G15" s="9"/>
      <c r="H15" s="9"/>
      <c r="I15" s="9"/>
      <c r="J15" s="5"/>
      <c r="K15" s="4">
        <v>201</v>
      </c>
      <c r="L15" s="4">
        <v>202</v>
      </c>
      <c r="M15" s="4">
        <v>203</v>
      </c>
      <c r="N15" s="4">
        <v>204</v>
      </c>
      <c r="O15" s="4">
        <v>205</v>
      </c>
      <c r="P15" s="4">
        <v>206</v>
      </c>
      <c r="Q15" s="4">
        <v>207</v>
      </c>
      <c r="R15" s="4">
        <v>208</v>
      </c>
      <c r="S15" s="4">
        <v>209</v>
      </c>
      <c r="T15" s="4">
        <v>210</v>
      </c>
      <c r="U15" s="4">
        <v>211</v>
      </c>
      <c r="V15" s="4">
        <v>212</v>
      </c>
      <c r="W15" s="4">
        <v>213</v>
      </c>
    </row>
    <row r="16" spans="1:23" ht="30" customHeight="1">
      <c r="A16" s="68"/>
      <c r="B16" s="7" t="s">
        <v>55</v>
      </c>
      <c r="C16" s="9"/>
      <c r="D16" s="9"/>
      <c r="E16" s="9"/>
      <c r="F16" s="9"/>
      <c r="G16" s="9"/>
      <c r="H16" s="9"/>
      <c r="I16" s="9"/>
      <c r="J16" s="9"/>
      <c r="K16" s="5"/>
      <c r="L16" s="4">
        <v>214</v>
      </c>
      <c r="M16" s="4">
        <v>215</v>
      </c>
      <c r="N16" s="4">
        <v>216</v>
      </c>
      <c r="O16" s="4">
        <v>217</v>
      </c>
      <c r="P16" s="4">
        <v>218</v>
      </c>
      <c r="Q16" s="4">
        <v>219</v>
      </c>
      <c r="R16" s="4">
        <v>220</v>
      </c>
      <c r="S16" s="4">
        <v>221</v>
      </c>
      <c r="T16" s="4">
        <v>222</v>
      </c>
      <c r="U16" s="4">
        <v>223</v>
      </c>
      <c r="V16" s="4">
        <v>224</v>
      </c>
      <c r="W16" s="4">
        <v>225</v>
      </c>
    </row>
    <row r="17" spans="1:23" ht="30" customHeight="1">
      <c r="A17" s="68"/>
      <c r="B17" s="7" t="s">
        <v>59</v>
      </c>
      <c r="C17" s="9"/>
      <c r="D17" s="9"/>
      <c r="E17" s="9"/>
      <c r="F17" s="9"/>
      <c r="G17" s="9"/>
      <c r="H17" s="9"/>
      <c r="I17" s="9"/>
      <c r="J17" s="9"/>
      <c r="K17" s="9"/>
      <c r="L17" s="5"/>
      <c r="M17" s="4">
        <v>226</v>
      </c>
      <c r="N17" s="4">
        <v>227</v>
      </c>
      <c r="O17" s="4">
        <v>228</v>
      </c>
      <c r="P17" s="4">
        <v>229</v>
      </c>
      <c r="Q17" s="4">
        <v>230</v>
      </c>
      <c r="R17" s="4">
        <v>231</v>
      </c>
      <c r="S17" s="4">
        <v>232</v>
      </c>
      <c r="T17" s="4">
        <v>233</v>
      </c>
      <c r="U17" s="4">
        <v>234</v>
      </c>
      <c r="V17" s="4">
        <v>235</v>
      </c>
      <c r="W17" s="4">
        <v>236</v>
      </c>
    </row>
    <row r="18" spans="1:23" ht="30" customHeight="1">
      <c r="A18" s="68"/>
      <c r="B18" s="48" t="s">
        <v>66</v>
      </c>
      <c r="C18" s="9"/>
      <c r="D18" s="9"/>
      <c r="E18" s="9"/>
      <c r="F18" s="9"/>
      <c r="G18" s="9"/>
      <c r="H18" s="9"/>
      <c r="I18" s="9"/>
      <c r="J18" s="9"/>
      <c r="K18" s="9"/>
      <c r="L18" s="9"/>
      <c r="M18" s="5"/>
      <c r="N18" s="4">
        <v>237</v>
      </c>
      <c r="O18" s="4">
        <v>238</v>
      </c>
      <c r="P18" s="4">
        <v>239</v>
      </c>
      <c r="Q18" s="4">
        <v>240</v>
      </c>
      <c r="R18" s="4">
        <v>241</v>
      </c>
      <c r="S18" s="4">
        <v>242</v>
      </c>
      <c r="T18" s="4">
        <v>243</v>
      </c>
      <c r="U18" s="4">
        <v>244</v>
      </c>
      <c r="V18" s="4">
        <v>245</v>
      </c>
      <c r="W18" s="4">
        <v>246</v>
      </c>
    </row>
    <row r="19" spans="1:23" ht="30" customHeight="1">
      <c r="A19" s="68"/>
      <c r="B19" s="48" t="s">
        <v>72</v>
      </c>
      <c r="C19" s="9"/>
      <c r="D19" s="9"/>
      <c r="E19" s="9"/>
      <c r="F19" s="9"/>
      <c r="G19" s="9"/>
      <c r="H19" s="9"/>
      <c r="I19" s="9"/>
      <c r="J19" s="9"/>
      <c r="K19" s="9"/>
      <c r="L19" s="9"/>
      <c r="M19" s="9"/>
      <c r="N19" s="5"/>
      <c r="O19" s="4">
        <v>247</v>
      </c>
      <c r="P19" s="4">
        <v>248</v>
      </c>
      <c r="Q19" s="4">
        <v>249</v>
      </c>
      <c r="R19" s="4">
        <v>250</v>
      </c>
      <c r="S19" s="4">
        <v>251</v>
      </c>
      <c r="T19" s="4">
        <v>252</v>
      </c>
      <c r="U19" s="4">
        <v>253</v>
      </c>
      <c r="V19" s="4">
        <v>254</v>
      </c>
      <c r="W19" s="4">
        <v>255</v>
      </c>
    </row>
    <row r="20" spans="1:23" ht="30" customHeight="1">
      <c r="A20" s="68"/>
      <c r="B20" s="48" t="s">
        <v>76</v>
      </c>
      <c r="C20" s="9"/>
      <c r="D20" s="9"/>
      <c r="E20" s="9"/>
      <c r="F20" s="9"/>
      <c r="G20" s="9"/>
      <c r="H20" s="9"/>
      <c r="I20" s="9"/>
      <c r="J20" s="9"/>
      <c r="K20" s="9"/>
      <c r="L20" s="9"/>
      <c r="M20" s="9"/>
      <c r="N20" s="9"/>
      <c r="O20" s="5"/>
      <c r="P20" s="4">
        <v>256</v>
      </c>
      <c r="Q20" s="4">
        <v>257</v>
      </c>
      <c r="R20" s="4">
        <v>258</v>
      </c>
      <c r="S20" s="4">
        <v>259</v>
      </c>
      <c r="T20" s="4">
        <v>260</v>
      </c>
      <c r="U20" s="4">
        <v>261</v>
      </c>
      <c r="V20" s="4">
        <v>262</v>
      </c>
      <c r="W20" s="4">
        <v>263</v>
      </c>
    </row>
    <row r="21" spans="1:23" ht="30" customHeight="1">
      <c r="A21" s="68"/>
      <c r="B21" s="7" t="s">
        <v>80</v>
      </c>
      <c r="C21" s="9"/>
      <c r="D21" s="9"/>
      <c r="E21" s="9"/>
      <c r="F21" s="9"/>
      <c r="G21" s="9"/>
      <c r="H21" s="9"/>
      <c r="I21" s="9"/>
      <c r="J21" s="9"/>
      <c r="K21" s="9"/>
      <c r="L21" s="9"/>
      <c r="M21" s="9"/>
      <c r="N21" s="9"/>
      <c r="O21" s="9"/>
      <c r="P21" s="5"/>
      <c r="Q21" s="4">
        <v>264</v>
      </c>
      <c r="R21" s="4">
        <v>265</v>
      </c>
      <c r="S21" s="4">
        <v>266</v>
      </c>
      <c r="T21" s="4">
        <v>267</v>
      </c>
      <c r="U21" s="4">
        <v>268</v>
      </c>
      <c r="V21" s="4">
        <v>269</v>
      </c>
      <c r="W21" s="4">
        <v>270</v>
      </c>
    </row>
    <row r="22" spans="1:23" ht="30" customHeight="1">
      <c r="A22" s="68"/>
      <c r="B22" s="7" t="s">
        <v>83</v>
      </c>
      <c r="C22" s="9"/>
      <c r="D22" s="9"/>
      <c r="E22" s="9"/>
      <c r="F22" s="9"/>
      <c r="G22" s="9"/>
      <c r="H22" s="9"/>
      <c r="I22" s="9"/>
      <c r="J22" s="9"/>
      <c r="K22" s="9"/>
      <c r="L22" s="9"/>
      <c r="M22" s="9"/>
      <c r="N22" s="9"/>
      <c r="O22" s="9"/>
      <c r="P22" s="9"/>
      <c r="Q22" s="5"/>
      <c r="R22" s="4">
        <v>271</v>
      </c>
      <c r="S22" s="4">
        <v>272</v>
      </c>
      <c r="T22" s="4">
        <v>273</v>
      </c>
      <c r="U22" s="4">
        <v>274</v>
      </c>
      <c r="V22" s="4">
        <v>275</v>
      </c>
      <c r="W22" s="4">
        <v>276</v>
      </c>
    </row>
    <row r="23" spans="1:23" ht="30" customHeight="1">
      <c r="A23" s="68"/>
      <c r="B23" s="7" t="s">
        <v>84</v>
      </c>
      <c r="C23" s="9"/>
      <c r="D23" s="9"/>
      <c r="E23" s="9"/>
      <c r="F23" s="9"/>
      <c r="G23" s="9"/>
      <c r="H23" s="9"/>
      <c r="I23" s="9"/>
      <c r="J23" s="9"/>
      <c r="K23" s="9"/>
      <c r="L23" s="9"/>
      <c r="M23" s="9"/>
      <c r="N23" s="9"/>
      <c r="O23" s="9"/>
      <c r="P23" s="9"/>
      <c r="Q23" s="9"/>
      <c r="R23" s="5"/>
      <c r="S23" s="4">
        <v>277</v>
      </c>
      <c r="T23" s="4">
        <v>278</v>
      </c>
      <c r="U23" s="4">
        <v>279</v>
      </c>
      <c r="V23" s="4">
        <v>280</v>
      </c>
      <c r="W23" s="4">
        <v>281</v>
      </c>
    </row>
    <row r="24" spans="1:23" ht="30" customHeight="1">
      <c r="A24" s="68"/>
      <c r="B24" s="7" t="s">
        <v>90</v>
      </c>
      <c r="C24" s="9"/>
      <c r="D24" s="9"/>
      <c r="E24" s="9"/>
      <c r="F24" s="9"/>
      <c r="G24" s="9"/>
      <c r="H24" s="9"/>
      <c r="I24" s="9"/>
      <c r="J24" s="9"/>
      <c r="K24" s="9"/>
      <c r="L24" s="9"/>
      <c r="M24" s="9"/>
      <c r="N24" s="9"/>
      <c r="O24" s="9"/>
      <c r="P24" s="9"/>
      <c r="Q24" s="9"/>
      <c r="R24" s="9"/>
      <c r="S24" s="5"/>
      <c r="T24" s="4">
        <v>282</v>
      </c>
      <c r="U24" s="4">
        <v>283</v>
      </c>
      <c r="V24" s="4">
        <v>284</v>
      </c>
      <c r="W24" s="4">
        <v>285</v>
      </c>
    </row>
    <row r="25" spans="1:23" ht="30" customHeight="1">
      <c r="A25" s="69"/>
      <c r="B25" s="7" t="s">
        <v>93</v>
      </c>
      <c r="C25" s="10"/>
      <c r="D25" s="10"/>
      <c r="E25" s="10"/>
      <c r="F25" s="10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9"/>
      <c r="R25" s="9"/>
      <c r="S25" s="9"/>
      <c r="T25" s="5"/>
      <c r="U25" s="4">
        <v>286</v>
      </c>
      <c r="V25" s="4">
        <v>287</v>
      </c>
      <c r="W25" s="4">
        <v>288</v>
      </c>
    </row>
    <row r="26" spans="1:23" ht="30" customHeight="1">
      <c r="A26" s="58" t="s">
        <v>4</v>
      </c>
      <c r="B26" s="7" t="s">
        <v>100</v>
      </c>
      <c r="C26" s="9"/>
      <c r="D26" s="9"/>
      <c r="E26" s="9"/>
      <c r="F26" s="9"/>
      <c r="G26" s="9"/>
      <c r="H26" s="9"/>
      <c r="I26" s="9"/>
      <c r="J26" s="9"/>
      <c r="K26" s="9"/>
      <c r="L26" s="9"/>
      <c r="M26" s="9"/>
      <c r="N26" s="9"/>
      <c r="O26" s="9"/>
      <c r="P26" s="9"/>
      <c r="Q26" s="9"/>
      <c r="R26" s="9"/>
      <c r="S26" s="9"/>
      <c r="T26" s="9"/>
      <c r="U26" s="5"/>
      <c r="V26" s="4">
        <v>289</v>
      </c>
      <c r="W26" s="4">
        <v>290</v>
      </c>
    </row>
    <row r="27" spans="1:23" ht="30" customHeight="1">
      <c r="A27" s="58"/>
      <c r="B27" s="7" t="s">
        <v>1</v>
      </c>
      <c r="C27" s="9"/>
      <c r="D27" s="9"/>
      <c r="E27" s="9"/>
      <c r="F27" s="9"/>
      <c r="G27" s="9"/>
      <c r="H27" s="9"/>
      <c r="I27" s="9"/>
      <c r="J27" s="9"/>
      <c r="K27" s="9"/>
      <c r="L27" s="9"/>
      <c r="M27" s="9"/>
      <c r="N27" s="9"/>
      <c r="O27" s="9"/>
      <c r="P27" s="9"/>
      <c r="Q27" s="9"/>
      <c r="R27" s="9"/>
      <c r="S27" s="9"/>
      <c r="T27" s="9"/>
      <c r="U27" s="9"/>
      <c r="V27" s="5"/>
      <c r="W27" s="4">
        <v>291</v>
      </c>
    </row>
    <row r="29" spans="1:23" ht="30" customHeight="1">
      <c r="B29" s="49"/>
    </row>
  </sheetData>
  <mergeCells count="6">
    <mergeCell ref="A26:A27"/>
    <mergeCell ref="A2:B3"/>
    <mergeCell ref="C2:T2"/>
    <mergeCell ref="U2:W2"/>
    <mergeCell ref="A4:A7"/>
    <mergeCell ref="A8:A25"/>
  </mergeCells>
  <phoneticPr fontId="1"/>
  <printOptions horizontalCentered="1" verticalCentered="1"/>
  <pageMargins left="0.59055118110236227" right="0.59055118110236227" top="0.59055118110236227" bottom="0.59055118110236227" header="0.51181102362204722" footer="0.51181102362204722"/>
  <pageSetup paperSize="8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P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3" width="9.5" style="18" bestFit="1" customWidth="1"/>
    <col min="4" max="6" width="8.875" style="18" customWidth="1"/>
    <col min="7" max="16384" width="9" style="18"/>
  </cols>
  <sheetData>
    <row r="1" spans="1:16">
      <c r="A1" s="70" t="s">
        <v>57</v>
      </c>
      <c r="B1" s="70"/>
      <c r="C1" s="70"/>
      <c r="D1" s="70"/>
      <c r="E1" s="70"/>
      <c r="F1" s="70"/>
    </row>
    <row r="2" spans="1:16">
      <c r="A2" s="121" t="s">
        <v>613</v>
      </c>
      <c r="B2" s="36"/>
      <c r="C2" s="36"/>
      <c r="D2" s="36"/>
      <c r="E2" s="36"/>
      <c r="F2" s="36"/>
    </row>
    <row r="3" spans="1:16">
      <c r="A3" s="75" t="s">
        <v>6</v>
      </c>
      <c r="B3" s="76" t="s">
        <v>56</v>
      </c>
      <c r="C3" s="76"/>
      <c r="D3" s="76"/>
      <c r="E3" s="76"/>
      <c r="F3" s="76"/>
    </row>
    <row r="4" spans="1:16" ht="28.5">
      <c r="A4" s="75"/>
      <c r="B4" s="11" t="s">
        <v>214</v>
      </c>
      <c r="C4" s="11" t="s">
        <v>215</v>
      </c>
      <c r="D4" s="11" t="s">
        <v>271</v>
      </c>
      <c r="E4" s="11" t="s">
        <v>22</v>
      </c>
      <c r="F4" s="11" t="s">
        <v>15</v>
      </c>
    </row>
    <row r="5" spans="1:16">
      <c r="A5" s="73" t="s">
        <v>7</v>
      </c>
      <c r="B5" s="20">
        <v>236</v>
      </c>
      <c r="C5" s="20">
        <v>1191</v>
      </c>
      <c r="D5" s="20">
        <v>1090</v>
      </c>
      <c r="E5" s="20">
        <v>0</v>
      </c>
      <c r="F5" s="20">
        <v>2517</v>
      </c>
    </row>
    <row r="6" spans="1:16">
      <c r="A6" s="77"/>
      <c r="B6" s="21">
        <v>9.4E-2</v>
      </c>
      <c r="C6" s="21">
        <v>0.47299999999999998</v>
      </c>
      <c r="D6" s="21">
        <v>0.433</v>
      </c>
      <c r="E6" s="21">
        <v>0</v>
      </c>
      <c r="F6" s="21">
        <v>1</v>
      </c>
      <c r="K6" s="22"/>
      <c r="L6" s="22"/>
      <c r="M6" s="22"/>
      <c r="N6" s="22"/>
      <c r="O6" s="22"/>
      <c r="P6" s="22"/>
    </row>
    <row r="7" spans="1:16">
      <c r="A7" s="73" t="s">
        <v>8</v>
      </c>
      <c r="B7" s="24">
        <v>63</v>
      </c>
      <c r="C7" s="24">
        <v>227</v>
      </c>
      <c r="D7" s="24">
        <v>239</v>
      </c>
      <c r="E7" s="24">
        <v>0</v>
      </c>
      <c r="F7" s="20">
        <v>529</v>
      </c>
      <c r="K7" s="22"/>
      <c r="L7" s="22"/>
      <c r="M7" s="22"/>
      <c r="N7" s="22"/>
      <c r="O7" s="22"/>
    </row>
    <row r="8" spans="1:16">
      <c r="A8" s="74"/>
      <c r="B8" s="21">
        <v>0.11899999999999999</v>
      </c>
      <c r="C8" s="21">
        <v>0.42899999999999999</v>
      </c>
      <c r="D8" s="21">
        <v>0.45200000000000001</v>
      </c>
      <c r="E8" s="21">
        <v>0</v>
      </c>
      <c r="F8" s="21">
        <v>1</v>
      </c>
      <c r="K8" s="22"/>
      <c r="L8" s="22"/>
      <c r="M8" s="22"/>
      <c r="N8" s="22"/>
      <c r="O8" s="22"/>
      <c r="P8" s="22"/>
    </row>
    <row r="9" spans="1:16">
      <c r="A9" s="73" t="s">
        <v>9</v>
      </c>
      <c r="B9" s="24">
        <v>82</v>
      </c>
      <c r="C9" s="24">
        <v>416</v>
      </c>
      <c r="D9" s="24">
        <v>417</v>
      </c>
      <c r="E9" s="24">
        <v>1</v>
      </c>
      <c r="F9" s="24">
        <v>916</v>
      </c>
      <c r="K9" s="22"/>
      <c r="L9" s="22"/>
      <c r="M9" s="22"/>
      <c r="N9" s="22"/>
      <c r="O9" s="22"/>
    </row>
    <row r="10" spans="1:16">
      <c r="A10" s="74"/>
      <c r="B10" s="21">
        <v>0.09</v>
      </c>
      <c r="C10" s="21">
        <v>0.45400000000000001</v>
      </c>
      <c r="D10" s="21">
        <v>0.45500000000000002</v>
      </c>
      <c r="E10" s="21">
        <v>1E-3</v>
      </c>
      <c r="F10" s="21">
        <v>1</v>
      </c>
      <c r="K10" s="22"/>
      <c r="L10" s="22"/>
      <c r="M10" s="22"/>
      <c r="N10" s="22"/>
      <c r="O10" s="22"/>
      <c r="P10" s="22"/>
    </row>
    <row r="11" spans="1:16">
      <c r="A11" s="78" t="s">
        <v>10</v>
      </c>
      <c r="B11" s="24">
        <v>39</v>
      </c>
      <c r="C11" s="24">
        <v>129</v>
      </c>
      <c r="D11" s="24">
        <v>99</v>
      </c>
      <c r="E11" s="24">
        <v>0</v>
      </c>
      <c r="F11" s="24">
        <v>267</v>
      </c>
      <c r="K11" s="22"/>
      <c r="L11" s="22"/>
      <c r="M11" s="22"/>
      <c r="N11" s="22"/>
      <c r="O11" s="22"/>
    </row>
    <row r="12" spans="1:16">
      <c r="A12" s="79"/>
      <c r="B12" s="21">
        <v>0.14599999999999999</v>
      </c>
      <c r="C12" s="21">
        <v>0.48299999999999998</v>
      </c>
      <c r="D12" s="21">
        <v>0.371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</row>
    <row r="13" spans="1:16">
      <c r="A13" s="73" t="s">
        <v>11</v>
      </c>
      <c r="B13" s="24">
        <v>18</v>
      </c>
      <c r="C13" s="24">
        <v>98</v>
      </c>
      <c r="D13" s="24">
        <v>121</v>
      </c>
      <c r="E13" s="24">
        <v>0</v>
      </c>
      <c r="F13" s="24">
        <v>237</v>
      </c>
      <c r="K13" s="22"/>
      <c r="L13" s="22"/>
      <c r="M13" s="22"/>
      <c r="N13" s="22"/>
      <c r="O13" s="22"/>
    </row>
    <row r="14" spans="1:16">
      <c r="A14" s="74"/>
      <c r="B14" s="21">
        <v>7.5999999999999998E-2</v>
      </c>
      <c r="C14" s="21">
        <v>0.41399999999999998</v>
      </c>
      <c r="D14" s="21">
        <v>0.51100000000000001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</row>
    <row r="15" spans="1:16">
      <c r="A15" s="73" t="s">
        <v>12</v>
      </c>
      <c r="B15" s="24">
        <v>11</v>
      </c>
      <c r="C15" s="24">
        <v>104</v>
      </c>
      <c r="D15" s="24">
        <v>116</v>
      </c>
      <c r="E15" s="24">
        <v>0</v>
      </c>
      <c r="F15" s="24">
        <v>231</v>
      </c>
      <c r="K15" s="22"/>
      <c r="L15" s="22"/>
      <c r="M15" s="22"/>
      <c r="N15" s="22"/>
      <c r="O15" s="22"/>
    </row>
    <row r="16" spans="1:16">
      <c r="A16" s="74"/>
      <c r="B16" s="21">
        <v>4.8000000000000001E-2</v>
      </c>
      <c r="C16" s="21">
        <v>0.45</v>
      </c>
      <c r="D16" s="21">
        <v>0.502</v>
      </c>
      <c r="E16" s="21">
        <v>0</v>
      </c>
      <c r="F16" s="21">
        <v>1</v>
      </c>
      <c r="K16" s="22"/>
      <c r="L16" s="22"/>
      <c r="M16" s="22"/>
      <c r="N16" s="22"/>
      <c r="O16" s="22"/>
      <c r="P16" s="22"/>
    </row>
    <row r="17" spans="1:16" s="23" customFormat="1">
      <c r="A17" s="73" t="s">
        <v>13</v>
      </c>
      <c r="B17" s="20">
        <v>91</v>
      </c>
      <c r="C17" s="20">
        <v>482</v>
      </c>
      <c r="D17" s="20">
        <v>572</v>
      </c>
      <c r="E17" s="20">
        <v>1</v>
      </c>
      <c r="F17" s="20">
        <v>1146</v>
      </c>
    </row>
    <row r="18" spans="1:16">
      <c r="A18" s="74"/>
      <c r="B18" s="21">
        <v>7.9000000000000001E-2</v>
      </c>
      <c r="C18" s="21">
        <v>0.42099999999999999</v>
      </c>
      <c r="D18" s="21">
        <v>0.499</v>
      </c>
      <c r="E18" s="21">
        <v>1E-3</v>
      </c>
      <c r="F18" s="21">
        <v>1</v>
      </c>
      <c r="K18" s="22"/>
      <c r="L18" s="22"/>
      <c r="M18" s="22"/>
      <c r="N18" s="22"/>
      <c r="O18" s="22"/>
      <c r="P18" s="22"/>
    </row>
    <row r="19" spans="1:16">
      <c r="A19" s="73" t="s">
        <v>14</v>
      </c>
      <c r="B19" s="24">
        <v>7</v>
      </c>
      <c r="C19" s="24">
        <v>73</v>
      </c>
      <c r="D19" s="24">
        <v>99</v>
      </c>
      <c r="E19" s="24">
        <v>0</v>
      </c>
      <c r="F19" s="24">
        <v>179</v>
      </c>
      <c r="K19" s="22"/>
      <c r="L19" s="22"/>
      <c r="M19" s="22"/>
      <c r="N19" s="22"/>
      <c r="O19" s="22"/>
    </row>
    <row r="20" spans="1:16">
      <c r="A20" s="74"/>
      <c r="B20" s="21">
        <v>3.9E-2</v>
      </c>
      <c r="C20" s="21">
        <v>0.40799999999999997</v>
      </c>
      <c r="D20" s="21">
        <v>0.55300000000000005</v>
      </c>
      <c r="E20" s="21">
        <v>0</v>
      </c>
      <c r="F20" s="21">
        <v>1</v>
      </c>
      <c r="K20" s="22"/>
      <c r="L20" s="22"/>
      <c r="M20" s="22"/>
      <c r="N20" s="22"/>
      <c r="O20" s="22"/>
      <c r="P20" s="22"/>
    </row>
    <row r="21" spans="1:16">
      <c r="A21" s="72" t="s">
        <v>22</v>
      </c>
      <c r="B21" s="34">
        <v>6</v>
      </c>
      <c r="C21" s="34">
        <v>20</v>
      </c>
      <c r="D21" s="34">
        <v>21</v>
      </c>
      <c r="E21" s="34">
        <v>1</v>
      </c>
      <c r="F21" s="34">
        <v>48</v>
      </c>
      <c r="K21" s="22"/>
      <c r="L21" s="22"/>
      <c r="M21" s="22"/>
      <c r="N21" s="22"/>
      <c r="O21" s="22"/>
    </row>
    <row r="22" spans="1:16" s="26" customFormat="1">
      <c r="A22" s="72"/>
      <c r="B22" s="33">
        <v>0.125</v>
      </c>
      <c r="C22" s="33">
        <v>0.41699999999999998</v>
      </c>
      <c r="D22" s="33">
        <v>0.438</v>
      </c>
      <c r="E22" s="33">
        <v>2.1000000000000001E-2</v>
      </c>
      <c r="F22" s="33">
        <v>1</v>
      </c>
    </row>
    <row r="23" spans="1:16" s="23" customFormat="1">
      <c r="A23" s="73" t="s">
        <v>15</v>
      </c>
      <c r="B23" s="20">
        <v>553</v>
      </c>
      <c r="C23" s="20">
        <v>2740</v>
      </c>
      <c r="D23" s="20">
        <v>2774</v>
      </c>
      <c r="E23" s="20">
        <v>3</v>
      </c>
      <c r="F23" s="20">
        <v>6070</v>
      </c>
    </row>
    <row r="24" spans="1:16">
      <c r="A24" s="74"/>
      <c r="B24" s="21">
        <v>9.0999999999999998E-2</v>
      </c>
      <c r="C24" s="21">
        <v>0.45100000000000001</v>
      </c>
      <c r="D24" s="21">
        <v>0.45700000000000002</v>
      </c>
      <c r="E24" s="21">
        <v>0</v>
      </c>
      <c r="F24" s="21">
        <v>1</v>
      </c>
      <c r="K24" s="22"/>
      <c r="L24" s="22"/>
      <c r="M24" s="22"/>
      <c r="N24" s="22"/>
      <c r="O24" s="22"/>
      <c r="P24" s="22"/>
    </row>
    <row r="25" spans="1:16" ht="14.25" customHeight="1">
      <c r="A25" s="71" t="s">
        <v>58</v>
      </c>
      <c r="B25" s="71"/>
      <c r="C25" s="71"/>
      <c r="D25" s="71"/>
      <c r="E25" s="71"/>
      <c r="F25" s="71"/>
      <c r="K25" s="22"/>
      <c r="L25" s="22"/>
      <c r="M25" s="22"/>
      <c r="N25" s="22"/>
      <c r="O25" s="22"/>
    </row>
    <row r="26" spans="1:16">
      <c r="A26" s="81"/>
      <c r="B26" s="81"/>
      <c r="C26" s="81"/>
      <c r="D26" s="81"/>
      <c r="E26" s="81"/>
      <c r="F26" s="81"/>
    </row>
  </sheetData>
  <mergeCells count="14">
    <mergeCell ref="A25:F26"/>
    <mergeCell ref="A9:A10"/>
    <mergeCell ref="A1:F1"/>
    <mergeCell ref="A3:A4"/>
    <mergeCell ref="B3:F3"/>
    <mergeCell ref="A5:A6"/>
    <mergeCell ref="A7:A8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0"/>
  <dimension ref="A1:N29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.625" style="18" customWidth="1"/>
    <col min="8" max="16384" width="9" style="18"/>
  </cols>
  <sheetData>
    <row r="1" spans="1:14">
      <c r="A1" s="18" t="s">
        <v>371</v>
      </c>
    </row>
    <row r="2" spans="1:14">
      <c r="A2" s="121" t="s">
        <v>613</v>
      </c>
    </row>
    <row r="3" spans="1:14" ht="57.75" customHeight="1">
      <c r="A3" s="84" t="s">
        <v>210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4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19</v>
      </c>
      <c r="B5" s="20">
        <v>642</v>
      </c>
      <c r="C5" s="20">
        <v>1926</v>
      </c>
      <c r="D5" s="20">
        <v>1472</v>
      </c>
      <c r="E5" s="20">
        <v>1096</v>
      </c>
      <c r="F5" s="20">
        <v>367</v>
      </c>
      <c r="G5" s="20">
        <v>2201</v>
      </c>
    </row>
    <row r="6" spans="1:14">
      <c r="A6" s="75"/>
      <c r="B6" s="21">
        <v>0.25</v>
      </c>
      <c r="C6" s="21">
        <v>0.75</v>
      </c>
      <c r="D6" s="21">
        <v>0.57299999999999995</v>
      </c>
      <c r="E6" s="21">
        <v>0.42699999999999999</v>
      </c>
      <c r="F6" s="21">
        <v>0.14299999999999999</v>
      </c>
      <c r="G6" s="21">
        <v>0.85699999999999998</v>
      </c>
    </row>
    <row r="7" spans="1:14" s="23" customFormat="1">
      <c r="A7" s="84" t="s">
        <v>207</v>
      </c>
      <c r="B7" s="20">
        <v>822</v>
      </c>
      <c r="C7" s="20">
        <v>2062</v>
      </c>
      <c r="D7" s="20">
        <v>1566</v>
      </c>
      <c r="E7" s="20">
        <v>1318</v>
      </c>
      <c r="F7" s="20">
        <v>312</v>
      </c>
      <c r="G7" s="20">
        <v>2572</v>
      </c>
    </row>
    <row r="8" spans="1:14">
      <c r="A8" s="83"/>
      <c r="B8" s="21">
        <v>0.28499999999999998</v>
      </c>
      <c r="C8" s="21">
        <v>0.71499999999999997</v>
      </c>
      <c r="D8" s="21">
        <v>0.54300000000000004</v>
      </c>
      <c r="E8" s="21">
        <v>0.45700000000000002</v>
      </c>
      <c r="F8" s="21">
        <v>0.108</v>
      </c>
      <c r="G8" s="21">
        <v>0.89200000000000002</v>
      </c>
    </row>
    <row r="9" spans="1:14" s="23" customFormat="1">
      <c r="A9" s="95" t="s">
        <v>208</v>
      </c>
      <c r="B9" s="20">
        <v>62</v>
      </c>
      <c r="C9" s="20">
        <v>141</v>
      </c>
      <c r="D9" s="20">
        <v>104</v>
      </c>
      <c r="E9" s="20">
        <v>99</v>
      </c>
      <c r="F9" s="20">
        <v>26</v>
      </c>
      <c r="G9" s="20">
        <v>177</v>
      </c>
    </row>
    <row r="10" spans="1:14">
      <c r="A10" s="88"/>
      <c r="B10" s="21">
        <v>0.30499999999999999</v>
      </c>
      <c r="C10" s="21">
        <v>0.69499999999999995</v>
      </c>
      <c r="D10" s="21">
        <v>0.51200000000000001</v>
      </c>
      <c r="E10" s="21">
        <v>0.48799999999999999</v>
      </c>
      <c r="F10" s="21">
        <v>0.128</v>
      </c>
      <c r="G10" s="21">
        <v>0.872</v>
      </c>
    </row>
    <row r="11" spans="1:14">
      <c r="A11" s="75" t="s">
        <v>22</v>
      </c>
      <c r="B11" s="24">
        <v>2</v>
      </c>
      <c r="C11" s="24">
        <v>10</v>
      </c>
      <c r="D11" s="24">
        <v>6</v>
      </c>
      <c r="E11" s="24">
        <v>6</v>
      </c>
      <c r="F11" s="24">
        <v>1</v>
      </c>
      <c r="G11" s="24">
        <v>11</v>
      </c>
      <c r="H11" s="22"/>
      <c r="I11" s="22"/>
      <c r="J11" s="22"/>
      <c r="K11" s="22"/>
      <c r="L11" s="22"/>
      <c r="M11" s="22"/>
      <c r="N11" s="22"/>
    </row>
    <row r="12" spans="1:14">
      <c r="A12" s="83"/>
      <c r="B12" s="21">
        <v>0.16700000000000001</v>
      </c>
      <c r="C12" s="21">
        <v>0.83299999999999996</v>
      </c>
      <c r="D12" s="21">
        <v>0.5</v>
      </c>
      <c r="E12" s="21">
        <v>0.5</v>
      </c>
      <c r="F12" s="21">
        <v>8.3000000000000004E-2</v>
      </c>
      <c r="G12" s="21">
        <v>0.91700000000000004</v>
      </c>
    </row>
    <row r="13" spans="1:14" s="23" customFormat="1">
      <c r="A13" s="75" t="s">
        <v>15</v>
      </c>
      <c r="B13" s="20">
        <v>1528</v>
      </c>
      <c r="C13" s="20">
        <v>4139</v>
      </c>
      <c r="D13" s="20">
        <v>3148</v>
      </c>
      <c r="E13" s="20">
        <v>2519</v>
      </c>
      <c r="F13" s="20">
        <v>706</v>
      </c>
      <c r="G13" s="20">
        <v>4961</v>
      </c>
    </row>
    <row r="14" spans="1:14">
      <c r="A14" s="83"/>
      <c r="B14" s="21">
        <v>0.27</v>
      </c>
      <c r="C14" s="21">
        <v>0.73</v>
      </c>
      <c r="D14" s="21">
        <v>0.55500000000000005</v>
      </c>
      <c r="E14" s="21">
        <v>0.44500000000000001</v>
      </c>
      <c r="F14" s="21">
        <v>0.125</v>
      </c>
      <c r="G14" s="21">
        <v>0.875</v>
      </c>
    </row>
    <row r="15" spans="1:14" ht="14.25" customHeight="1">
      <c r="B15" s="44"/>
      <c r="C15" s="44"/>
      <c r="D15" s="44"/>
      <c r="E15" s="44"/>
      <c r="F15" s="44"/>
      <c r="G15" s="44"/>
      <c r="H15" s="22"/>
      <c r="I15" s="22"/>
      <c r="J15" s="22"/>
      <c r="K15" s="22"/>
      <c r="L15" s="22"/>
      <c r="M15" s="22"/>
      <c r="N15" s="22"/>
    </row>
    <row r="16" spans="1:14" ht="33.6" customHeight="1">
      <c r="A16" s="84" t="s">
        <v>210</v>
      </c>
      <c r="B16" s="82" t="s">
        <v>160</v>
      </c>
      <c r="C16" s="82"/>
      <c r="D16" s="82" t="s">
        <v>161</v>
      </c>
      <c r="E16" s="82"/>
      <c r="F16" s="82" t="s">
        <v>162</v>
      </c>
      <c r="G16" s="82"/>
    </row>
    <row r="17" spans="1:7">
      <c r="A17" s="84"/>
      <c r="B17" s="11" t="s">
        <v>180</v>
      </c>
      <c r="C17" s="11" t="s">
        <v>181</v>
      </c>
      <c r="D17" s="11" t="s">
        <v>180</v>
      </c>
      <c r="E17" s="11" t="s">
        <v>181</v>
      </c>
      <c r="F17" s="11" t="s">
        <v>180</v>
      </c>
      <c r="G17" s="11" t="s">
        <v>181</v>
      </c>
    </row>
    <row r="18" spans="1:7">
      <c r="A18" s="75" t="s">
        <v>19</v>
      </c>
      <c r="B18" s="20">
        <v>607</v>
      </c>
      <c r="C18" s="20">
        <v>1961</v>
      </c>
      <c r="D18" s="20">
        <v>47</v>
      </c>
      <c r="E18" s="20">
        <v>2521</v>
      </c>
      <c r="F18" s="20">
        <v>167</v>
      </c>
      <c r="G18" s="20">
        <v>2401</v>
      </c>
    </row>
    <row r="19" spans="1:7">
      <c r="A19" s="75"/>
      <c r="B19" s="21">
        <v>0.23599999999999999</v>
      </c>
      <c r="C19" s="21">
        <v>0.76400000000000001</v>
      </c>
      <c r="D19" s="21">
        <v>1.7999999999999999E-2</v>
      </c>
      <c r="E19" s="21">
        <v>0.98199999999999998</v>
      </c>
      <c r="F19" s="21">
        <v>6.5000000000000002E-2</v>
      </c>
      <c r="G19" s="21">
        <v>0.93500000000000005</v>
      </c>
    </row>
    <row r="20" spans="1:7">
      <c r="A20" s="84" t="s">
        <v>207</v>
      </c>
      <c r="B20" s="20">
        <v>591</v>
      </c>
      <c r="C20" s="20">
        <v>2293</v>
      </c>
      <c r="D20" s="20">
        <v>31</v>
      </c>
      <c r="E20" s="20">
        <v>2853</v>
      </c>
      <c r="F20" s="20">
        <v>125</v>
      </c>
      <c r="G20" s="20">
        <v>2759</v>
      </c>
    </row>
    <row r="21" spans="1:7">
      <c r="A21" s="83"/>
      <c r="B21" s="21">
        <v>0.20499999999999999</v>
      </c>
      <c r="C21" s="21">
        <v>0.79500000000000004</v>
      </c>
      <c r="D21" s="21">
        <v>1.0999999999999999E-2</v>
      </c>
      <c r="E21" s="21">
        <v>0.98899999999999999</v>
      </c>
      <c r="F21" s="21">
        <v>4.2999999999999997E-2</v>
      </c>
      <c r="G21" s="21">
        <v>0.95699999999999996</v>
      </c>
    </row>
    <row r="22" spans="1:7">
      <c r="A22" s="95" t="s">
        <v>208</v>
      </c>
      <c r="B22" s="20">
        <v>51</v>
      </c>
      <c r="C22" s="20">
        <v>152</v>
      </c>
      <c r="D22" s="20">
        <v>3</v>
      </c>
      <c r="E22" s="20">
        <v>200</v>
      </c>
      <c r="F22" s="20">
        <v>11</v>
      </c>
      <c r="G22" s="20">
        <v>192</v>
      </c>
    </row>
    <row r="23" spans="1:7">
      <c r="A23" s="88"/>
      <c r="B23" s="21">
        <v>0.251</v>
      </c>
      <c r="C23" s="21">
        <v>0.749</v>
      </c>
      <c r="D23" s="21">
        <v>1.4999999999999999E-2</v>
      </c>
      <c r="E23" s="21">
        <v>0.98499999999999999</v>
      </c>
      <c r="F23" s="21">
        <v>5.3999999999999999E-2</v>
      </c>
      <c r="G23" s="21">
        <v>0.94599999999999995</v>
      </c>
    </row>
    <row r="24" spans="1:7">
      <c r="A24" s="75" t="s">
        <v>22</v>
      </c>
      <c r="B24" s="24">
        <v>0</v>
      </c>
      <c r="C24" s="24">
        <v>12</v>
      </c>
      <c r="D24" s="24">
        <v>0</v>
      </c>
      <c r="E24" s="24">
        <v>12</v>
      </c>
      <c r="F24" s="24">
        <v>0</v>
      </c>
      <c r="G24" s="24">
        <v>12</v>
      </c>
    </row>
    <row r="25" spans="1:7">
      <c r="A25" s="83"/>
      <c r="B25" s="21">
        <v>0</v>
      </c>
      <c r="C25" s="21">
        <v>1</v>
      </c>
      <c r="D25" s="21">
        <v>0</v>
      </c>
      <c r="E25" s="21">
        <v>1</v>
      </c>
      <c r="F25" s="21">
        <v>0</v>
      </c>
      <c r="G25" s="21">
        <v>1</v>
      </c>
    </row>
    <row r="26" spans="1:7">
      <c r="A26" s="75" t="s">
        <v>15</v>
      </c>
      <c r="B26" s="20">
        <v>1249</v>
      </c>
      <c r="C26" s="20">
        <v>4418</v>
      </c>
      <c r="D26" s="20">
        <v>81</v>
      </c>
      <c r="E26" s="20">
        <v>5586</v>
      </c>
      <c r="F26" s="20">
        <v>303</v>
      </c>
      <c r="G26" s="20">
        <v>5364</v>
      </c>
    </row>
    <row r="27" spans="1:7">
      <c r="A27" s="83"/>
      <c r="B27" s="21">
        <v>0.22</v>
      </c>
      <c r="C27" s="21">
        <v>0.78</v>
      </c>
      <c r="D27" s="21">
        <v>1.4E-2</v>
      </c>
      <c r="E27" s="21">
        <v>0.98599999999999999</v>
      </c>
      <c r="F27" s="21">
        <v>5.2999999999999999E-2</v>
      </c>
      <c r="G27" s="21">
        <v>0.94699999999999995</v>
      </c>
    </row>
    <row r="28" spans="1:7">
      <c r="A28" s="71" t="s">
        <v>302</v>
      </c>
      <c r="B28" s="71"/>
      <c r="C28" s="71"/>
      <c r="D28" s="71"/>
      <c r="E28" s="71"/>
      <c r="F28" s="71"/>
      <c r="G28" s="71"/>
    </row>
    <row r="29" spans="1:7">
      <c r="A29" s="81"/>
      <c r="B29" s="81"/>
      <c r="C29" s="81"/>
      <c r="D29" s="81"/>
      <c r="E29" s="81"/>
      <c r="F29" s="81"/>
      <c r="G29" s="81"/>
    </row>
  </sheetData>
  <mergeCells count="19">
    <mergeCell ref="A3:A4"/>
    <mergeCell ref="B3:C3"/>
    <mergeCell ref="D3:E3"/>
    <mergeCell ref="F3:G3"/>
    <mergeCell ref="A11:A12"/>
    <mergeCell ref="A13:A14"/>
    <mergeCell ref="D16:E16"/>
    <mergeCell ref="A5:A6"/>
    <mergeCell ref="A7:A8"/>
    <mergeCell ref="A9:A10"/>
    <mergeCell ref="B16:C16"/>
    <mergeCell ref="A16:A17"/>
    <mergeCell ref="F16:G16"/>
    <mergeCell ref="A28:G29"/>
    <mergeCell ref="A18:A19"/>
    <mergeCell ref="A20:A21"/>
    <mergeCell ref="A22:A23"/>
    <mergeCell ref="A24:A25"/>
    <mergeCell ref="A26:A2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1"/>
  <dimension ref="A1:N31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.625" style="18" customWidth="1"/>
    <col min="8" max="16384" width="9" style="18"/>
  </cols>
  <sheetData>
    <row r="1" spans="1:14">
      <c r="A1" s="18" t="s">
        <v>372</v>
      </c>
    </row>
    <row r="2" spans="1:14">
      <c r="A2" s="121" t="s">
        <v>613</v>
      </c>
    </row>
    <row r="3" spans="1:14" ht="34.5" customHeight="1">
      <c r="A3" s="84" t="s">
        <v>210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4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19</v>
      </c>
      <c r="B5" s="20">
        <v>583</v>
      </c>
      <c r="C5" s="20">
        <v>1985</v>
      </c>
      <c r="D5" s="20">
        <v>101</v>
      </c>
      <c r="E5" s="20">
        <v>2467</v>
      </c>
      <c r="F5" s="20">
        <v>411</v>
      </c>
      <c r="G5" s="20">
        <v>2157</v>
      </c>
    </row>
    <row r="6" spans="1:14">
      <c r="A6" s="75"/>
      <c r="B6" s="21">
        <v>0.22700000000000001</v>
      </c>
      <c r="C6" s="21">
        <v>0.77300000000000002</v>
      </c>
      <c r="D6" s="21">
        <v>3.9E-2</v>
      </c>
      <c r="E6" s="21">
        <v>0.96099999999999997</v>
      </c>
      <c r="F6" s="21">
        <v>0.16</v>
      </c>
      <c r="G6" s="21">
        <v>0.84</v>
      </c>
    </row>
    <row r="7" spans="1:14" s="23" customFormat="1">
      <c r="A7" s="84" t="s">
        <v>207</v>
      </c>
      <c r="B7" s="20">
        <v>481</v>
      </c>
      <c r="C7" s="20">
        <v>2403</v>
      </c>
      <c r="D7" s="20">
        <v>82</v>
      </c>
      <c r="E7" s="20">
        <v>2802</v>
      </c>
      <c r="F7" s="20">
        <v>403</v>
      </c>
      <c r="G7" s="20">
        <v>2481</v>
      </c>
    </row>
    <row r="8" spans="1:14">
      <c r="A8" s="83"/>
      <c r="B8" s="21">
        <v>0.16700000000000001</v>
      </c>
      <c r="C8" s="21">
        <v>0.83299999999999996</v>
      </c>
      <c r="D8" s="21">
        <v>2.8000000000000001E-2</v>
      </c>
      <c r="E8" s="21">
        <v>0.97199999999999998</v>
      </c>
      <c r="F8" s="21">
        <v>0.14000000000000001</v>
      </c>
      <c r="G8" s="21">
        <v>0.86</v>
      </c>
    </row>
    <row r="9" spans="1:14" s="23" customFormat="1">
      <c r="A9" s="95" t="s">
        <v>208</v>
      </c>
      <c r="B9" s="20">
        <v>24</v>
      </c>
      <c r="C9" s="20">
        <v>179</v>
      </c>
      <c r="D9" s="20">
        <v>4</v>
      </c>
      <c r="E9" s="20">
        <v>199</v>
      </c>
      <c r="F9" s="20">
        <v>32</v>
      </c>
      <c r="G9" s="20">
        <v>171</v>
      </c>
    </row>
    <row r="10" spans="1:14">
      <c r="A10" s="88"/>
      <c r="B10" s="21">
        <v>0.11799999999999999</v>
      </c>
      <c r="C10" s="21">
        <v>0.88200000000000001</v>
      </c>
      <c r="D10" s="21">
        <v>0.02</v>
      </c>
      <c r="E10" s="21">
        <v>0.98</v>
      </c>
      <c r="F10" s="21">
        <v>0.158</v>
      </c>
      <c r="G10" s="21">
        <v>0.84199999999999997</v>
      </c>
    </row>
    <row r="11" spans="1:14">
      <c r="A11" s="75" t="s">
        <v>22</v>
      </c>
      <c r="B11" s="24">
        <v>5</v>
      </c>
      <c r="C11" s="24">
        <v>7</v>
      </c>
      <c r="D11" s="24">
        <v>0</v>
      </c>
      <c r="E11" s="24">
        <v>12</v>
      </c>
      <c r="F11" s="24">
        <v>2</v>
      </c>
      <c r="G11" s="24">
        <v>10</v>
      </c>
      <c r="H11" s="22"/>
      <c r="I11" s="22"/>
      <c r="J11" s="22"/>
      <c r="K11" s="22"/>
      <c r="L11" s="22"/>
    </row>
    <row r="12" spans="1:14">
      <c r="A12" s="83"/>
      <c r="B12" s="21">
        <v>0.41699999999999998</v>
      </c>
      <c r="C12" s="21">
        <v>0.58299999999999996</v>
      </c>
      <c r="D12" s="21">
        <v>0</v>
      </c>
      <c r="E12" s="21">
        <v>1</v>
      </c>
      <c r="F12" s="21">
        <v>0.16700000000000001</v>
      </c>
      <c r="G12" s="21">
        <v>0.83299999999999996</v>
      </c>
    </row>
    <row r="13" spans="1:14" s="23" customFormat="1">
      <c r="A13" s="75" t="s">
        <v>15</v>
      </c>
      <c r="B13" s="20">
        <v>1093</v>
      </c>
      <c r="C13" s="20">
        <v>4574</v>
      </c>
      <c r="D13" s="20">
        <v>187</v>
      </c>
      <c r="E13" s="20">
        <v>5480</v>
      </c>
      <c r="F13" s="20">
        <v>848</v>
      </c>
      <c r="G13" s="20">
        <v>4819</v>
      </c>
    </row>
    <row r="14" spans="1:14">
      <c r="A14" s="83"/>
      <c r="B14" s="21">
        <v>0.193</v>
      </c>
      <c r="C14" s="21">
        <v>0.80700000000000005</v>
      </c>
      <c r="D14" s="21">
        <v>3.3000000000000002E-2</v>
      </c>
      <c r="E14" s="21">
        <v>0.96699999999999997</v>
      </c>
      <c r="F14" s="21">
        <v>0.15</v>
      </c>
      <c r="G14" s="21">
        <v>0.85</v>
      </c>
    </row>
    <row r="15" spans="1:14" ht="14.25" customHeight="1">
      <c r="B15" s="44"/>
      <c r="C15" s="44"/>
      <c r="D15" s="44"/>
      <c r="E15" s="44"/>
      <c r="F15" s="44"/>
      <c r="G15" s="44"/>
      <c r="H15" s="22"/>
      <c r="I15" s="22"/>
      <c r="J15" s="22"/>
      <c r="K15" s="22"/>
      <c r="L15" s="22"/>
      <c r="M15" s="22"/>
      <c r="N15" s="22"/>
    </row>
    <row r="16" spans="1:14" ht="30" customHeight="1">
      <c r="A16" s="84" t="s">
        <v>210</v>
      </c>
      <c r="B16" s="82" t="s">
        <v>166</v>
      </c>
      <c r="C16" s="82"/>
    </row>
    <row r="17" spans="1:7">
      <c r="A17" s="75"/>
      <c r="B17" s="11" t="s">
        <v>180</v>
      </c>
      <c r="C17" s="11" t="s">
        <v>181</v>
      </c>
    </row>
    <row r="18" spans="1:7">
      <c r="A18" s="75" t="s">
        <v>19</v>
      </c>
      <c r="B18" s="20">
        <v>61</v>
      </c>
      <c r="C18" s="20">
        <v>2507</v>
      </c>
    </row>
    <row r="19" spans="1:7">
      <c r="A19" s="75"/>
      <c r="B19" s="21">
        <v>2.4E-2</v>
      </c>
      <c r="C19" s="21">
        <v>0.97599999999999998</v>
      </c>
    </row>
    <row r="20" spans="1:7">
      <c r="A20" s="84" t="s">
        <v>207</v>
      </c>
      <c r="B20" s="20">
        <v>65</v>
      </c>
      <c r="C20" s="20">
        <v>2819</v>
      </c>
    </row>
    <row r="21" spans="1:7">
      <c r="A21" s="83"/>
      <c r="B21" s="21">
        <v>2.3E-2</v>
      </c>
      <c r="C21" s="21">
        <v>0.97699999999999998</v>
      </c>
    </row>
    <row r="22" spans="1:7">
      <c r="A22" s="95" t="s">
        <v>208</v>
      </c>
      <c r="B22" s="20">
        <v>5</v>
      </c>
      <c r="C22" s="20">
        <v>198</v>
      </c>
    </row>
    <row r="23" spans="1:7">
      <c r="A23" s="88"/>
      <c r="B23" s="21">
        <v>2.5000000000000001E-2</v>
      </c>
      <c r="C23" s="21">
        <v>0.97499999999999998</v>
      </c>
    </row>
    <row r="24" spans="1:7">
      <c r="A24" s="75" t="s">
        <v>22</v>
      </c>
      <c r="B24" s="24">
        <v>0</v>
      </c>
      <c r="C24" s="24">
        <v>12</v>
      </c>
    </row>
    <row r="25" spans="1:7">
      <c r="A25" s="83"/>
      <c r="B25" s="21">
        <v>0</v>
      </c>
      <c r="C25" s="21">
        <v>1</v>
      </c>
    </row>
    <row r="26" spans="1:7">
      <c r="A26" s="75" t="s">
        <v>15</v>
      </c>
      <c r="B26" s="20">
        <v>131</v>
      </c>
      <c r="C26" s="20">
        <v>5536</v>
      </c>
    </row>
    <row r="27" spans="1:7">
      <c r="A27" s="83"/>
      <c r="B27" s="21">
        <v>2.3E-2</v>
      </c>
      <c r="C27" s="21">
        <v>0.97699999999999998</v>
      </c>
    </row>
    <row r="28" spans="1:7" ht="14.1" customHeight="1">
      <c r="A28" s="71" t="s">
        <v>302</v>
      </c>
      <c r="B28" s="71"/>
      <c r="C28" s="71"/>
      <c r="D28" s="35"/>
      <c r="E28" s="35"/>
      <c r="F28" s="35"/>
      <c r="G28" s="35"/>
    </row>
    <row r="29" spans="1:7">
      <c r="A29" s="81"/>
      <c r="B29" s="81"/>
      <c r="C29" s="81"/>
      <c r="D29" s="35"/>
      <c r="E29" s="35"/>
      <c r="F29" s="35"/>
      <c r="G29" s="35"/>
    </row>
    <row r="30" spans="1:7">
      <c r="A30" s="81"/>
      <c r="B30" s="81"/>
      <c r="C30" s="81"/>
      <c r="D30" s="35"/>
      <c r="E30" s="35"/>
      <c r="F30" s="35"/>
      <c r="G30" s="35"/>
    </row>
    <row r="31" spans="1:7">
      <c r="A31" s="81"/>
      <c r="B31" s="81"/>
      <c r="C31" s="81"/>
      <c r="D31" s="35"/>
      <c r="E31" s="35"/>
      <c r="F31" s="35"/>
      <c r="G31" s="35"/>
    </row>
  </sheetData>
  <mergeCells count="17">
    <mergeCell ref="A7:A8"/>
    <mergeCell ref="A9:A10"/>
    <mergeCell ref="A28:C31"/>
    <mergeCell ref="F3:G3"/>
    <mergeCell ref="A3:A4"/>
    <mergeCell ref="B3:C3"/>
    <mergeCell ref="D3:E3"/>
    <mergeCell ref="A11:A12"/>
    <mergeCell ref="A26:A27"/>
    <mergeCell ref="A16:A17"/>
    <mergeCell ref="A18:A19"/>
    <mergeCell ref="A20:A21"/>
    <mergeCell ref="A22:A23"/>
    <mergeCell ref="A24:A25"/>
    <mergeCell ref="A13:A14"/>
    <mergeCell ref="B16:C16"/>
    <mergeCell ref="A5:A6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0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2" width="11.625" style="18" bestFit="1" customWidth="1"/>
    <col min="3" max="3" width="13.875" style="18" bestFit="1" customWidth="1"/>
    <col min="4" max="5" width="8.875" style="18" customWidth="1"/>
    <col min="6" max="16384" width="9" style="18"/>
  </cols>
  <sheetData>
    <row r="1" spans="1:17">
      <c r="A1" s="70" t="s">
        <v>373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10</v>
      </c>
      <c r="B3" s="76" t="s">
        <v>124</v>
      </c>
      <c r="C3" s="76"/>
      <c r="D3" s="76"/>
      <c r="E3" s="76"/>
    </row>
    <row r="4" spans="1:17">
      <c r="A4" s="75"/>
      <c r="B4" s="11" t="s">
        <v>86</v>
      </c>
      <c r="C4" s="11" t="s">
        <v>87</v>
      </c>
      <c r="D4" s="11" t="s">
        <v>22</v>
      </c>
      <c r="E4" s="11" t="s">
        <v>15</v>
      </c>
    </row>
    <row r="5" spans="1:17">
      <c r="A5" s="73" t="s">
        <v>19</v>
      </c>
      <c r="B5" s="20">
        <v>1879</v>
      </c>
      <c r="C5" s="20">
        <v>825</v>
      </c>
      <c r="D5" s="20">
        <v>10</v>
      </c>
      <c r="E5" s="20">
        <v>2714</v>
      </c>
    </row>
    <row r="6" spans="1:17">
      <c r="A6" s="77"/>
      <c r="B6" s="21">
        <v>0.69199999999999995</v>
      </c>
      <c r="C6" s="21">
        <v>0.30399999999999999</v>
      </c>
      <c r="D6" s="21">
        <v>4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89" t="s">
        <v>207</v>
      </c>
      <c r="B7" s="20">
        <v>1975</v>
      </c>
      <c r="C7" s="20">
        <v>1113</v>
      </c>
      <c r="D7" s="20">
        <v>10</v>
      </c>
      <c r="E7" s="20">
        <v>3098</v>
      </c>
    </row>
    <row r="8" spans="1:17">
      <c r="A8" s="74"/>
      <c r="B8" s="21">
        <v>0.63800000000000001</v>
      </c>
      <c r="C8" s="21">
        <v>0.35899999999999999</v>
      </c>
      <c r="D8" s="21">
        <v>3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08</v>
      </c>
      <c r="B9" s="24">
        <v>142</v>
      </c>
      <c r="C9" s="24">
        <v>101</v>
      </c>
      <c r="D9" s="24">
        <v>0</v>
      </c>
      <c r="E9" s="24">
        <v>243</v>
      </c>
      <c r="J9" s="22"/>
      <c r="K9" s="22"/>
      <c r="L9" s="22"/>
      <c r="M9" s="22"/>
      <c r="N9" s="22"/>
    </row>
    <row r="10" spans="1:17">
      <c r="A10" s="74"/>
      <c r="B10" s="21">
        <v>0.58399999999999996</v>
      </c>
      <c r="C10" s="21">
        <v>0.41599999999999998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22</v>
      </c>
      <c r="B11" s="24">
        <v>9</v>
      </c>
      <c r="C11" s="24">
        <v>6</v>
      </c>
      <c r="D11" s="24">
        <v>0</v>
      </c>
      <c r="E11" s="24">
        <v>15</v>
      </c>
      <c r="J11" s="22"/>
      <c r="K11" s="22"/>
      <c r="L11" s="22"/>
      <c r="M11" s="22"/>
      <c r="N11" s="22"/>
    </row>
    <row r="12" spans="1:17">
      <c r="A12" s="79"/>
      <c r="B12" s="21">
        <v>0.6</v>
      </c>
      <c r="C12" s="21">
        <v>0.4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89" t="s">
        <v>15</v>
      </c>
      <c r="B13" s="20">
        <v>4005</v>
      </c>
      <c r="C13" s="20">
        <v>2045</v>
      </c>
      <c r="D13" s="20">
        <v>20</v>
      </c>
      <c r="E13" s="20">
        <v>6070</v>
      </c>
    </row>
    <row r="14" spans="1:17">
      <c r="A14" s="74"/>
      <c r="B14" s="21">
        <v>0.66</v>
      </c>
      <c r="C14" s="21">
        <v>0.3370000000000000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90" t="s">
        <v>225</v>
      </c>
      <c r="B15" s="90"/>
      <c r="C15" s="90"/>
      <c r="D15" s="90"/>
      <c r="E15" s="90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1"/>
  <dimension ref="A1:Q18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8.875" style="18" customWidth="1"/>
    <col min="6" max="16384" width="9" style="18"/>
  </cols>
  <sheetData>
    <row r="1" spans="1:17">
      <c r="A1" s="70" t="s">
        <v>37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10</v>
      </c>
      <c r="B3" s="76" t="s">
        <v>125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19</v>
      </c>
      <c r="B5" s="20">
        <v>1208</v>
      </c>
      <c r="C5" s="20">
        <v>632</v>
      </c>
      <c r="D5" s="20">
        <v>39</v>
      </c>
      <c r="E5" s="20">
        <v>1879</v>
      </c>
    </row>
    <row r="6" spans="1:17">
      <c r="A6" s="77"/>
      <c r="B6" s="21">
        <v>0.64300000000000002</v>
      </c>
      <c r="C6" s="21">
        <v>0.33600000000000002</v>
      </c>
      <c r="D6" s="21">
        <v>2.1000000000000001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89" t="s">
        <v>207</v>
      </c>
      <c r="B7" s="20">
        <v>1158</v>
      </c>
      <c r="C7" s="20">
        <v>767</v>
      </c>
      <c r="D7" s="20">
        <v>50</v>
      </c>
      <c r="E7" s="20">
        <v>1975</v>
      </c>
    </row>
    <row r="8" spans="1:17">
      <c r="A8" s="74"/>
      <c r="B8" s="21">
        <v>0.58599999999999997</v>
      </c>
      <c r="C8" s="21">
        <v>0.38800000000000001</v>
      </c>
      <c r="D8" s="21">
        <v>2.5000000000000001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08</v>
      </c>
      <c r="B9" s="24">
        <v>85</v>
      </c>
      <c r="C9" s="24">
        <v>53</v>
      </c>
      <c r="D9" s="24">
        <v>4</v>
      </c>
      <c r="E9" s="24">
        <v>142</v>
      </c>
      <c r="J9" s="22"/>
      <c r="K9" s="22"/>
      <c r="L9" s="22"/>
      <c r="M9" s="22"/>
      <c r="N9" s="22"/>
    </row>
    <row r="10" spans="1:17">
      <c r="A10" s="74"/>
      <c r="B10" s="21">
        <v>0.59899999999999998</v>
      </c>
      <c r="C10" s="21">
        <v>0.373</v>
      </c>
      <c r="D10" s="21">
        <v>2.8000000000000001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22</v>
      </c>
      <c r="B11" s="24">
        <v>3</v>
      </c>
      <c r="C11" s="24">
        <v>5</v>
      </c>
      <c r="D11" s="24">
        <v>1</v>
      </c>
      <c r="E11" s="24">
        <v>9</v>
      </c>
      <c r="J11" s="22"/>
      <c r="K11" s="22"/>
      <c r="L11" s="22"/>
      <c r="M11" s="22"/>
      <c r="N11" s="22"/>
    </row>
    <row r="12" spans="1:17">
      <c r="A12" s="79"/>
      <c r="B12" s="21">
        <v>0.33300000000000002</v>
      </c>
      <c r="C12" s="21">
        <v>0.55600000000000005</v>
      </c>
      <c r="D12" s="21">
        <v>0.111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89" t="s">
        <v>15</v>
      </c>
      <c r="B13" s="20">
        <v>2454</v>
      </c>
      <c r="C13" s="20">
        <v>1457</v>
      </c>
      <c r="D13" s="20">
        <v>94</v>
      </c>
      <c r="E13" s="20">
        <v>4005</v>
      </c>
    </row>
    <row r="14" spans="1:17">
      <c r="A14" s="74"/>
      <c r="B14" s="21">
        <v>0.61299999999999999</v>
      </c>
      <c r="C14" s="21">
        <v>0.36399999999999999</v>
      </c>
      <c r="D14" s="21">
        <v>2.3E-2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90" t="s">
        <v>216</v>
      </c>
      <c r="B15" s="90"/>
      <c r="C15" s="90"/>
      <c r="D15" s="90"/>
      <c r="E15" s="90"/>
      <c r="J15" s="22"/>
      <c r="K15" s="22"/>
      <c r="L15" s="22"/>
      <c r="M15" s="22"/>
      <c r="N15" s="22"/>
    </row>
    <row r="16" spans="1:17">
      <c r="A16" s="93"/>
      <c r="B16" s="93"/>
      <c r="C16" s="93"/>
      <c r="D16" s="93"/>
      <c r="E16" s="93"/>
    </row>
    <row r="17" spans="1:5">
      <c r="A17" s="93"/>
      <c r="B17" s="93"/>
      <c r="C17" s="93"/>
      <c r="D17" s="93"/>
      <c r="E17" s="93"/>
    </row>
    <row r="18" spans="1:5">
      <c r="A18" s="93"/>
      <c r="B18" s="93"/>
      <c r="C18" s="93"/>
      <c r="D18" s="93"/>
      <c r="E18" s="93"/>
    </row>
  </sheetData>
  <mergeCells count="9">
    <mergeCell ref="A15:E18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2"/>
  <dimension ref="A1:R16"/>
  <sheetViews>
    <sheetView workbookViewId="0">
      <selection activeCell="A2" sqref="A2"/>
    </sheetView>
  </sheetViews>
  <sheetFormatPr defaultColWidth="9" defaultRowHeight="14.25"/>
  <cols>
    <col min="1" max="1" width="13" style="18" customWidth="1"/>
    <col min="2" max="7" width="9" style="18" customWidth="1"/>
    <col min="8" max="16384" width="9" style="18"/>
  </cols>
  <sheetData>
    <row r="1" spans="1:18">
      <c r="A1" s="70" t="s">
        <v>375</v>
      </c>
      <c r="B1" s="70"/>
      <c r="C1" s="70"/>
      <c r="D1" s="70"/>
      <c r="E1" s="70"/>
      <c r="F1" s="70"/>
      <c r="G1" s="70"/>
    </row>
    <row r="2" spans="1:18">
      <c r="A2" s="121" t="s">
        <v>613</v>
      </c>
      <c r="B2" s="36"/>
      <c r="C2" s="36"/>
      <c r="D2" s="36"/>
      <c r="E2" s="36"/>
      <c r="F2" s="36"/>
      <c r="G2" s="36"/>
    </row>
    <row r="3" spans="1:18">
      <c r="A3" s="84" t="s">
        <v>210</v>
      </c>
      <c r="B3" s="76" t="s">
        <v>126</v>
      </c>
      <c r="C3" s="76"/>
      <c r="D3" s="76"/>
      <c r="E3" s="76"/>
      <c r="F3" s="76"/>
      <c r="G3" s="76"/>
    </row>
    <row r="4" spans="1:18" ht="28.5">
      <c r="A4" s="84"/>
      <c r="B4" s="11" t="s">
        <v>212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8">
      <c r="A5" s="73" t="s">
        <v>19</v>
      </c>
      <c r="B5" s="20">
        <v>247</v>
      </c>
      <c r="C5" s="20">
        <v>685</v>
      </c>
      <c r="D5" s="20">
        <v>786</v>
      </c>
      <c r="E5" s="20">
        <v>985</v>
      </c>
      <c r="F5" s="20">
        <v>11</v>
      </c>
      <c r="G5" s="20">
        <v>2714</v>
      </c>
    </row>
    <row r="6" spans="1:18">
      <c r="A6" s="77"/>
      <c r="B6" s="21">
        <v>9.0999999999999998E-2</v>
      </c>
      <c r="C6" s="21">
        <v>0.252</v>
      </c>
      <c r="D6" s="21">
        <v>0.28999999999999998</v>
      </c>
      <c r="E6" s="21">
        <v>0.36299999999999999</v>
      </c>
      <c r="F6" s="21">
        <v>4.0000000000000001E-3</v>
      </c>
      <c r="G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207</v>
      </c>
      <c r="B7" s="20">
        <v>175</v>
      </c>
      <c r="C7" s="20">
        <v>702</v>
      </c>
      <c r="D7" s="20">
        <v>981</v>
      </c>
      <c r="E7" s="20">
        <v>1232</v>
      </c>
      <c r="F7" s="20">
        <v>8</v>
      </c>
      <c r="G7" s="20">
        <v>3098</v>
      </c>
    </row>
    <row r="8" spans="1:18">
      <c r="A8" s="79"/>
      <c r="B8" s="21">
        <v>5.6000000000000001E-2</v>
      </c>
      <c r="C8" s="21">
        <v>0.22700000000000001</v>
      </c>
      <c r="D8" s="21">
        <v>0.317</v>
      </c>
      <c r="E8" s="21">
        <v>0.39800000000000002</v>
      </c>
      <c r="F8" s="21">
        <v>3.0000000000000001E-3</v>
      </c>
      <c r="G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08</v>
      </c>
      <c r="B9" s="24">
        <v>11</v>
      </c>
      <c r="C9" s="24">
        <v>35</v>
      </c>
      <c r="D9" s="24">
        <v>58</v>
      </c>
      <c r="E9" s="24">
        <v>139</v>
      </c>
      <c r="F9" s="24">
        <v>0</v>
      </c>
      <c r="G9" s="24">
        <v>243</v>
      </c>
      <c r="K9" s="22"/>
      <c r="L9" s="22"/>
      <c r="M9" s="22"/>
      <c r="N9" s="22"/>
      <c r="O9" s="22"/>
    </row>
    <row r="10" spans="1:18">
      <c r="A10" s="79"/>
      <c r="B10" s="21">
        <v>4.4999999999999998E-2</v>
      </c>
      <c r="C10" s="21">
        <v>0.14399999999999999</v>
      </c>
      <c r="D10" s="21">
        <v>0.23899999999999999</v>
      </c>
      <c r="E10" s="21">
        <v>0.57199999999999995</v>
      </c>
      <c r="F10" s="21">
        <v>0</v>
      </c>
      <c r="G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22</v>
      </c>
      <c r="B11" s="24">
        <v>2</v>
      </c>
      <c r="C11" s="24">
        <v>2</v>
      </c>
      <c r="D11" s="24">
        <v>6</v>
      </c>
      <c r="E11" s="24">
        <v>5</v>
      </c>
      <c r="F11" s="24">
        <v>0</v>
      </c>
      <c r="G11" s="24">
        <v>15</v>
      </c>
      <c r="K11" s="22"/>
      <c r="L11" s="22"/>
      <c r="M11" s="22"/>
      <c r="N11" s="22"/>
      <c r="O11" s="22"/>
    </row>
    <row r="12" spans="1:18">
      <c r="A12" s="79"/>
      <c r="B12" s="21">
        <v>0.13300000000000001</v>
      </c>
      <c r="C12" s="21">
        <v>0.13300000000000001</v>
      </c>
      <c r="D12" s="21">
        <v>0.4</v>
      </c>
      <c r="E12" s="21">
        <v>0.33300000000000002</v>
      </c>
      <c r="F12" s="21">
        <v>0</v>
      </c>
      <c r="G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435</v>
      </c>
      <c r="C13" s="20">
        <v>1424</v>
      </c>
      <c r="D13" s="20">
        <v>1831</v>
      </c>
      <c r="E13" s="20">
        <v>2361</v>
      </c>
      <c r="F13" s="20">
        <v>19</v>
      </c>
      <c r="G13" s="20">
        <v>6070</v>
      </c>
    </row>
    <row r="14" spans="1:18">
      <c r="A14" s="74"/>
      <c r="B14" s="21">
        <v>7.1999999999999995E-2</v>
      </c>
      <c r="C14" s="21">
        <v>0.23499999999999999</v>
      </c>
      <c r="D14" s="21">
        <v>0.30199999999999999</v>
      </c>
      <c r="E14" s="21">
        <v>0.38900000000000001</v>
      </c>
      <c r="F14" s="21">
        <v>3.0000000000000001E-3</v>
      </c>
      <c r="G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71" t="s">
        <v>217</v>
      </c>
      <c r="B15" s="71"/>
      <c r="C15" s="71"/>
      <c r="D15" s="71"/>
      <c r="E15" s="71"/>
      <c r="F15" s="71"/>
      <c r="G15" s="71"/>
      <c r="K15" s="22"/>
      <c r="L15" s="22"/>
      <c r="M15" s="22"/>
      <c r="N15" s="22"/>
      <c r="O15" s="22"/>
    </row>
    <row r="16" spans="1:18">
      <c r="A16" s="81"/>
      <c r="B16" s="81"/>
      <c r="C16" s="81"/>
      <c r="D16" s="81"/>
      <c r="E16" s="81"/>
      <c r="F16" s="81"/>
      <c r="G16" s="81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/>
  <dimension ref="A1:R17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6" width="9" style="18" customWidth="1"/>
    <col min="7" max="8" width="9" style="18"/>
    <col min="9" max="9" width="4.5" style="18" bestFit="1" customWidth="1"/>
    <col min="10" max="16384" width="9" style="18"/>
  </cols>
  <sheetData>
    <row r="1" spans="1:18">
      <c r="A1" s="70" t="s">
        <v>376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210</v>
      </c>
      <c r="B3" s="76" t="s">
        <v>127</v>
      </c>
      <c r="C3" s="76"/>
      <c r="D3" s="76"/>
      <c r="E3" s="76"/>
      <c r="F3" s="76"/>
    </row>
    <row r="4" spans="1:18" ht="28.5">
      <c r="A4" s="75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3" t="s">
        <v>19</v>
      </c>
      <c r="B5" s="20">
        <v>288</v>
      </c>
      <c r="C5" s="20">
        <v>541</v>
      </c>
      <c r="D5" s="20">
        <v>1863</v>
      </c>
      <c r="E5" s="20">
        <v>22</v>
      </c>
      <c r="F5" s="20">
        <v>2714</v>
      </c>
    </row>
    <row r="6" spans="1:18">
      <c r="A6" s="77"/>
      <c r="B6" s="21">
        <v>0.106</v>
      </c>
      <c r="C6" s="21">
        <v>0.19900000000000001</v>
      </c>
      <c r="D6" s="21">
        <v>0.68600000000000005</v>
      </c>
      <c r="E6" s="21">
        <v>8.000000000000000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207</v>
      </c>
      <c r="B7" s="20">
        <v>277</v>
      </c>
      <c r="C7" s="20">
        <v>546</v>
      </c>
      <c r="D7" s="20">
        <v>2265</v>
      </c>
      <c r="E7" s="20">
        <v>10</v>
      </c>
      <c r="F7" s="20">
        <v>3098</v>
      </c>
    </row>
    <row r="8" spans="1:18">
      <c r="A8" s="74"/>
      <c r="B8" s="21">
        <v>8.8999999999999996E-2</v>
      </c>
      <c r="C8" s="21">
        <v>0.17599999999999999</v>
      </c>
      <c r="D8" s="21">
        <v>0.73099999999999998</v>
      </c>
      <c r="E8" s="21">
        <v>3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08</v>
      </c>
      <c r="B9" s="24">
        <v>26</v>
      </c>
      <c r="C9" s="24">
        <v>33</v>
      </c>
      <c r="D9" s="24">
        <v>182</v>
      </c>
      <c r="E9" s="24">
        <v>2</v>
      </c>
      <c r="F9" s="24">
        <v>243</v>
      </c>
      <c r="K9" s="22"/>
      <c r="L9" s="22"/>
      <c r="M9" s="22"/>
      <c r="N9" s="22"/>
      <c r="O9" s="22"/>
    </row>
    <row r="10" spans="1:18">
      <c r="A10" s="74"/>
      <c r="B10" s="21">
        <v>0.107</v>
      </c>
      <c r="C10" s="21">
        <v>0.13600000000000001</v>
      </c>
      <c r="D10" s="21">
        <v>0.749</v>
      </c>
      <c r="E10" s="21">
        <v>8.0000000000000002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3" t="s">
        <v>22</v>
      </c>
      <c r="B11" s="24">
        <v>2</v>
      </c>
      <c r="C11" s="24">
        <v>3</v>
      </c>
      <c r="D11" s="24">
        <v>10</v>
      </c>
      <c r="E11" s="24">
        <v>0</v>
      </c>
      <c r="F11" s="24">
        <v>15</v>
      </c>
      <c r="K11" s="22"/>
      <c r="L11" s="22"/>
      <c r="M11" s="22"/>
      <c r="N11" s="22"/>
      <c r="O11" s="22"/>
    </row>
    <row r="12" spans="1:18">
      <c r="A12" s="74"/>
      <c r="B12" s="21">
        <v>0.13300000000000001</v>
      </c>
      <c r="C12" s="21">
        <v>0.2</v>
      </c>
      <c r="D12" s="21">
        <v>0.66700000000000004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593</v>
      </c>
      <c r="C13" s="20">
        <v>1123</v>
      </c>
      <c r="D13" s="20">
        <v>4320</v>
      </c>
      <c r="E13" s="20">
        <v>34</v>
      </c>
      <c r="F13" s="20">
        <v>6070</v>
      </c>
    </row>
    <row r="14" spans="1:18">
      <c r="A14" s="74"/>
      <c r="B14" s="21">
        <v>9.8000000000000004E-2</v>
      </c>
      <c r="C14" s="21">
        <v>0.185</v>
      </c>
      <c r="D14" s="21">
        <v>0.71199999999999997</v>
      </c>
      <c r="E14" s="21">
        <v>6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71" t="s">
        <v>227</v>
      </c>
      <c r="B15" s="71"/>
      <c r="C15" s="71"/>
      <c r="D15" s="71"/>
      <c r="E15" s="71"/>
      <c r="F15" s="71"/>
      <c r="K15" s="22"/>
      <c r="L15" s="22"/>
      <c r="M15" s="22"/>
      <c r="N15" s="22"/>
      <c r="O15" s="22"/>
    </row>
    <row r="16" spans="1:18">
      <c r="A16" s="81"/>
      <c r="B16" s="81"/>
      <c r="C16" s="81"/>
      <c r="D16" s="81"/>
      <c r="E16" s="81"/>
      <c r="F16" s="81"/>
    </row>
    <row r="17" spans="1:6">
      <c r="A17" s="81"/>
      <c r="B17" s="81"/>
      <c r="C17" s="81"/>
      <c r="D17" s="81"/>
      <c r="E17" s="81"/>
      <c r="F17" s="81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4"/>
  <dimension ref="A1:R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377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10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198</v>
      </c>
      <c r="E4" s="11" t="s">
        <v>22</v>
      </c>
      <c r="F4" s="11" t="s">
        <v>15</v>
      </c>
    </row>
    <row r="5" spans="1:18">
      <c r="A5" s="73" t="s">
        <v>19</v>
      </c>
      <c r="B5" s="20">
        <v>1196</v>
      </c>
      <c r="C5" s="20">
        <v>1120</v>
      </c>
      <c r="D5" s="20">
        <v>393</v>
      </c>
      <c r="E5" s="20">
        <v>5</v>
      </c>
      <c r="F5" s="20">
        <v>2714</v>
      </c>
    </row>
    <row r="6" spans="1:18">
      <c r="A6" s="77"/>
      <c r="B6" s="21">
        <v>0.441</v>
      </c>
      <c r="C6" s="21">
        <v>0.41299999999999998</v>
      </c>
      <c r="D6" s="21">
        <v>0.14499999999999999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207</v>
      </c>
      <c r="B7" s="20">
        <v>1195</v>
      </c>
      <c r="C7" s="20">
        <v>1390</v>
      </c>
      <c r="D7" s="20">
        <v>505</v>
      </c>
      <c r="E7" s="20">
        <v>8</v>
      </c>
      <c r="F7" s="20">
        <v>3098</v>
      </c>
    </row>
    <row r="8" spans="1:18">
      <c r="A8" s="74"/>
      <c r="B8" s="21">
        <v>0.38600000000000001</v>
      </c>
      <c r="C8" s="21">
        <v>0.44900000000000001</v>
      </c>
      <c r="D8" s="21">
        <v>0.16300000000000001</v>
      </c>
      <c r="E8" s="21">
        <v>3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08</v>
      </c>
      <c r="B9" s="24">
        <v>59</v>
      </c>
      <c r="C9" s="24">
        <v>151</v>
      </c>
      <c r="D9" s="24">
        <v>33</v>
      </c>
      <c r="E9" s="24">
        <v>0</v>
      </c>
      <c r="F9" s="24">
        <v>243</v>
      </c>
      <c r="K9" s="22"/>
      <c r="L9" s="22"/>
      <c r="M9" s="22"/>
      <c r="N9" s="22"/>
      <c r="O9" s="22"/>
    </row>
    <row r="10" spans="1:18">
      <c r="A10" s="74"/>
      <c r="B10" s="21">
        <v>0.24299999999999999</v>
      </c>
      <c r="C10" s="21">
        <v>0.621</v>
      </c>
      <c r="D10" s="21">
        <v>0.13600000000000001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22</v>
      </c>
      <c r="B11" s="24">
        <v>7</v>
      </c>
      <c r="C11" s="24">
        <v>5</v>
      </c>
      <c r="D11" s="24">
        <v>3</v>
      </c>
      <c r="E11" s="24">
        <v>0</v>
      </c>
      <c r="F11" s="24">
        <v>15</v>
      </c>
      <c r="K11" s="22"/>
      <c r="L11" s="22"/>
      <c r="M11" s="22"/>
      <c r="N11" s="22"/>
      <c r="O11" s="22"/>
    </row>
    <row r="12" spans="1:18">
      <c r="A12" s="79"/>
      <c r="B12" s="21">
        <v>0.46700000000000003</v>
      </c>
      <c r="C12" s="21">
        <v>0.33300000000000002</v>
      </c>
      <c r="D12" s="21">
        <v>0.2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2457</v>
      </c>
      <c r="C13" s="20">
        <v>2666</v>
      </c>
      <c r="D13" s="20">
        <v>934</v>
      </c>
      <c r="E13" s="20">
        <v>13</v>
      </c>
      <c r="F13" s="20">
        <v>6070</v>
      </c>
    </row>
    <row r="14" spans="1:18">
      <c r="A14" s="74"/>
      <c r="B14" s="21">
        <v>0.40500000000000003</v>
      </c>
      <c r="C14" s="21">
        <v>0.439</v>
      </c>
      <c r="D14" s="21">
        <v>0.154</v>
      </c>
      <c r="E14" s="21">
        <v>2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71" t="s">
        <v>261</v>
      </c>
      <c r="B15" s="96"/>
      <c r="C15" s="96"/>
      <c r="D15" s="96"/>
      <c r="E15" s="96"/>
      <c r="F15" s="96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5"/>
  <dimension ref="A1:S16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9" style="18" customWidth="1"/>
    <col min="4" max="4" width="8.5" style="18" bestFit="1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378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10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9">
      <c r="A5" s="73" t="s">
        <v>19</v>
      </c>
      <c r="B5" s="20">
        <v>507</v>
      </c>
      <c r="C5" s="20">
        <v>260</v>
      </c>
      <c r="D5" s="20">
        <v>58</v>
      </c>
      <c r="E5" s="20">
        <v>369</v>
      </c>
      <c r="F5" s="20">
        <v>2</v>
      </c>
      <c r="G5" s="20">
        <v>1196</v>
      </c>
    </row>
    <row r="6" spans="1:19">
      <c r="A6" s="77"/>
      <c r="B6" s="21">
        <v>0.42399999999999999</v>
      </c>
      <c r="C6" s="21">
        <v>0.217</v>
      </c>
      <c r="D6" s="21">
        <v>4.8000000000000001E-2</v>
      </c>
      <c r="E6" s="21">
        <v>0.309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207</v>
      </c>
      <c r="B7" s="24">
        <v>570</v>
      </c>
      <c r="C7" s="24">
        <v>237</v>
      </c>
      <c r="D7" s="24">
        <v>26</v>
      </c>
      <c r="E7" s="24">
        <v>359</v>
      </c>
      <c r="F7" s="24">
        <v>3</v>
      </c>
      <c r="G7" s="20">
        <v>1195</v>
      </c>
      <c r="L7" s="22"/>
      <c r="M7" s="22"/>
      <c r="N7" s="22"/>
      <c r="O7" s="22"/>
      <c r="P7" s="22"/>
    </row>
    <row r="8" spans="1:19">
      <c r="A8" s="79"/>
      <c r="B8" s="21">
        <v>0.47699999999999998</v>
      </c>
      <c r="C8" s="21">
        <v>0.19800000000000001</v>
      </c>
      <c r="D8" s="21">
        <v>2.1999999999999999E-2</v>
      </c>
      <c r="E8" s="21">
        <v>0.3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08</v>
      </c>
      <c r="B9" s="24">
        <v>27</v>
      </c>
      <c r="C9" s="24">
        <v>12</v>
      </c>
      <c r="D9" s="24">
        <v>0</v>
      </c>
      <c r="E9" s="24">
        <v>19</v>
      </c>
      <c r="F9" s="24">
        <v>1</v>
      </c>
      <c r="G9" s="24">
        <v>59</v>
      </c>
      <c r="L9" s="22"/>
      <c r="M9" s="22"/>
      <c r="N9" s="22"/>
      <c r="O9" s="22"/>
      <c r="P9" s="22"/>
    </row>
    <row r="10" spans="1:19">
      <c r="A10" s="79"/>
      <c r="B10" s="21">
        <v>0.45800000000000002</v>
      </c>
      <c r="C10" s="21">
        <v>0.20300000000000001</v>
      </c>
      <c r="D10" s="21">
        <v>0</v>
      </c>
      <c r="E10" s="21">
        <v>0.32200000000000001</v>
      </c>
      <c r="F10" s="21">
        <v>1.7000000000000001E-2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22</v>
      </c>
      <c r="B11" s="24">
        <v>1</v>
      </c>
      <c r="C11" s="24">
        <v>3</v>
      </c>
      <c r="D11" s="24">
        <v>0</v>
      </c>
      <c r="E11" s="24">
        <v>3</v>
      </c>
      <c r="F11" s="24">
        <v>0</v>
      </c>
      <c r="G11" s="24">
        <v>7</v>
      </c>
      <c r="L11" s="22"/>
      <c r="M11" s="22"/>
      <c r="N11" s="22"/>
      <c r="O11" s="22"/>
      <c r="P11" s="22"/>
    </row>
    <row r="12" spans="1:19">
      <c r="A12" s="79"/>
      <c r="B12" s="21">
        <v>0.14299999999999999</v>
      </c>
      <c r="C12" s="21">
        <v>0.42899999999999999</v>
      </c>
      <c r="D12" s="21">
        <v>0</v>
      </c>
      <c r="E12" s="21">
        <v>0.42899999999999999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1105</v>
      </c>
      <c r="C13" s="20">
        <v>512</v>
      </c>
      <c r="D13" s="20">
        <v>84</v>
      </c>
      <c r="E13" s="20">
        <v>750</v>
      </c>
      <c r="F13" s="20">
        <v>6</v>
      </c>
      <c r="G13" s="20">
        <v>2457</v>
      </c>
    </row>
    <row r="14" spans="1:19">
      <c r="A14" s="74"/>
      <c r="B14" s="21">
        <v>0.45</v>
      </c>
      <c r="C14" s="21">
        <v>0.20799999999999999</v>
      </c>
      <c r="D14" s="21">
        <v>3.4000000000000002E-2</v>
      </c>
      <c r="E14" s="21">
        <v>0.30499999999999999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71" t="s">
        <v>218</v>
      </c>
      <c r="B15" s="96"/>
      <c r="C15" s="96"/>
      <c r="D15" s="96"/>
      <c r="E15" s="96"/>
      <c r="F15" s="96"/>
      <c r="G15" s="96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6"/>
  <dimension ref="A1:R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6" width="9" style="18" customWidth="1"/>
    <col min="7" max="16384" width="9" style="18"/>
  </cols>
  <sheetData>
    <row r="1" spans="1:18">
      <c r="A1" s="70" t="s">
        <v>379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307</v>
      </c>
      <c r="B3" s="76" t="s">
        <v>144</v>
      </c>
      <c r="C3" s="76"/>
      <c r="D3" s="76"/>
      <c r="E3" s="76"/>
      <c r="F3" s="76"/>
    </row>
    <row r="4" spans="1:18" ht="28.5">
      <c r="A4" s="84"/>
      <c r="B4" s="11" t="s">
        <v>185</v>
      </c>
      <c r="C4" s="11" t="s">
        <v>27</v>
      </c>
      <c r="D4" s="11" t="s">
        <v>28</v>
      </c>
      <c r="E4" s="11" t="s">
        <v>22</v>
      </c>
      <c r="F4" s="11" t="s">
        <v>15</v>
      </c>
    </row>
    <row r="5" spans="1:18">
      <c r="A5" s="73" t="s">
        <v>25</v>
      </c>
      <c r="B5" s="20">
        <v>668</v>
      </c>
      <c r="C5" s="20">
        <v>1150</v>
      </c>
      <c r="D5" s="20">
        <v>175</v>
      </c>
      <c r="E5" s="20">
        <v>3</v>
      </c>
      <c r="F5" s="20">
        <v>1996</v>
      </c>
    </row>
    <row r="6" spans="1:18">
      <c r="A6" s="77"/>
      <c r="B6" s="21">
        <v>0.33500000000000002</v>
      </c>
      <c r="C6" s="21">
        <v>0.57599999999999996</v>
      </c>
      <c r="D6" s="21">
        <v>8.7999999999999995E-2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268</v>
      </c>
      <c r="C7" s="24">
        <v>248</v>
      </c>
      <c r="D7" s="24">
        <v>36</v>
      </c>
      <c r="E7" s="24">
        <v>0</v>
      </c>
      <c r="F7" s="20">
        <v>552</v>
      </c>
      <c r="K7" s="22"/>
      <c r="L7" s="22"/>
      <c r="M7" s="22"/>
      <c r="N7" s="22"/>
      <c r="O7" s="22"/>
    </row>
    <row r="8" spans="1:18">
      <c r="A8" s="79"/>
      <c r="B8" s="21">
        <v>0.48599999999999999</v>
      </c>
      <c r="C8" s="21">
        <v>0.44900000000000001</v>
      </c>
      <c r="D8" s="21">
        <v>6.5000000000000002E-2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4">
        <v>99</v>
      </c>
      <c r="C9" s="24">
        <v>56</v>
      </c>
      <c r="D9" s="24">
        <v>9</v>
      </c>
      <c r="E9" s="24">
        <v>2</v>
      </c>
      <c r="F9" s="24">
        <v>166</v>
      </c>
      <c r="K9" s="22"/>
      <c r="L9" s="22"/>
      <c r="M9" s="22"/>
      <c r="N9" s="22"/>
      <c r="O9" s="22"/>
    </row>
    <row r="10" spans="1:18">
      <c r="A10" s="79"/>
      <c r="B10" s="21">
        <v>0.59599999999999997</v>
      </c>
      <c r="C10" s="21">
        <v>0.33700000000000002</v>
      </c>
      <c r="D10" s="21">
        <v>5.3999999999999999E-2</v>
      </c>
      <c r="E10" s="21">
        <v>1.2E-2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1035</v>
      </c>
      <c r="C11" s="20">
        <v>1454</v>
      </c>
      <c r="D11" s="20">
        <v>220</v>
      </c>
      <c r="E11" s="20">
        <v>5</v>
      </c>
      <c r="F11" s="20">
        <v>2714</v>
      </c>
    </row>
    <row r="12" spans="1:18">
      <c r="A12" s="74"/>
      <c r="B12" s="21">
        <v>0.38100000000000001</v>
      </c>
      <c r="C12" s="21">
        <v>0.53600000000000003</v>
      </c>
      <c r="D12" s="21">
        <v>8.1000000000000003E-2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32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</row>
  </sheetData>
  <mergeCells count="8">
    <mergeCell ref="A13:F14"/>
    <mergeCell ref="A9:A10"/>
    <mergeCell ref="A11:A12"/>
    <mergeCell ref="A1:F1"/>
    <mergeCell ref="A3:A4"/>
    <mergeCell ref="B3:F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7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18" bestFit="1" customWidth="1"/>
    <col min="2" max="5" width="9" style="18" customWidth="1"/>
    <col min="6" max="16384" width="9" style="18"/>
  </cols>
  <sheetData>
    <row r="1" spans="1:17">
      <c r="A1" s="81" t="s">
        <v>380</v>
      </c>
      <c r="B1" s="81"/>
      <c r="C1" s="81"/>
      <c r="D1" s="81"/>
      <c r="E1" s="81"/>
    </row>
    <row r="2" spans="1:17">
      <c r="A2" s="121" t="s">
        <v>613</v>
      </c>
      <c r="B2" s="40"/>
      <c r="C2" s="40"/>
      <c r="D2" s="40"/>
      <c r="E2" s="40"/>
    </row>
    <row r="3" spans="1:17">
      <c r="A3" s="84" t="s">
        <v>308</v>
      </c>
      <c r="B3" s="76" t="s">
        <v>254</v>
      </c>
      <c r="C3" s="76"/>
      <c r="D3" s="76"/>
      <c r="E3" s="76"/>
    </row>
    <row r="4" spans="1:17">
      <c r="A4" s="84"/>
      <c r="B4" s="11" t="s">
        <v>25</v>
      </c>
      <c r="C4" s="11" t="s">
        <v>145</v>
      </c>
      <c r="D4" s="11" t="s">
        <v>22</v>
      </c>
      <c r="E4" s="11" t="s">
        <v>15</v>
      </c>
    </row>
    <row r="5" spans="1:17">
      <c r="A5" s="73" t="s">
        <v>25</v>
      </c>
      <c r="B5" s="20">
        <v>540</v>
      </c>
      <c r="C5" s="20">
        <v>114</v>
      </c>
      <c r="D5" s="20">
        <v>14</v>
      </c>
      <c r="E5" s="20">
        <v>668</v>
      </c>
    </row>
    <row r="6" spans="1:17">
      <c r="A6" s="77"/>
      <c r="B6" s="21">
        <v>0.80800000000000005</v>
      </c>
      <c r="C6" s="21">
        <v>0.17100000000000001</v>
      </c>
      <c r="D6" s="21">
        <v>2.1000000000000001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140</v>
      </c>
      <c r="C7" s="24">
        <v>122</v>
      </c>
      <c r="D7" s="24">
        <v>6</v>
      </c>
      <c r="E7" s="20">
        <v>268</v>
      </c>
      <c r="J7" s="22"/>
      <c r="K7" s="22"/>
      <c r="L7" s="22"/>
      <c r="M7" s="22"/>
      <c r="N7" s="22"/>
    </row>
    <row r="8" spans="1:17">
      <c r="A8" s="79"/>
      <c r="B8" s="21">
        <v>0.52200000000000002</v>
      </c>
      <c r="C8" s="21">
        <v>0.45500000000000002</v>
      </c>
      <c r="D8" s="21">
        <v>2.1999999999999999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22</v>
      </c>
      <c r="B9" s="24">
        <v>14</v>
      </c>
      <c r="C9" s="24">
        <v>2</v>
      </c>
      <c r="D9" s="24">
        <v>83</v>
      </c>
      <c r="E9" s="24">
        <v>99</v>
      </c>
      <c r="J9" s="22"/>
      <c r="K9" s="22"/>
      <c r="L9" s="22"/>
      <c r="M9" s="22"/>
      <c r="N9" s="22"/>
    </row>
    <row r="10" spans="1:17">
      <c r="A10" s="79"/>
      <c r="B10" s="21">
        <v>0.14099999999999999</v>
      </c>
      <c r="C10" s="21">
        <v>0.02</v>
      </c>
      <c r="D10" s="21">
        <v>0.83799999999999997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694</v>
      </c>
      <c r="C11" s="20">
        <v>238</v>
      </c>
      <c r="D11" s="20">
        <v>103</v>
      </c>
      <c r="E11" s="20">
        <v>1035</v>
      </c>
    </row>
    <row r="12" spans="1:17">
      <c r="A12" s="74"/>
      <c r="B12" s="21">
        <v>0.67100000000000004</v>
      </c>
      <c r="C12" s="21">
        <v>0.23</v>
      </c>
      <c r="D12" s="21">
        <v>0.1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1" t="s">
        <v>589</v>
      </c>
      <c r="B13" s="96"/>
      <c r="C13" s="96"/>
      <c r="D13" s="96"/>
      <c r="E13" s="96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T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8" width="8.875" style="18" customWidth="1"/>
    <col min="9" max="16384" width="9" style="18"/>
  </cols>
  <sheetData>
    <row r="1" spans="1:20">
      <c r="A1" s="70" t="s">
        <v>64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75" t="s">
        <v>6</v>
      </c>
      <c r="B3" s="76" t="s">
        <v>60</v>
      </c>
      <c r="C3" s="76"/>
      <c r="D3" s="76"/>
      <c r="E3" s="76"/>
      <c r="F3" s="76"/>
      <c r="G3" s="76"/>
      <c r="H3" s="76"/>
    </row>
    <row r="4" spans="1:20" ht="42.75">
      <c r="A4" s="75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1" t="s">
        <v>15</v>
      </c>
    </row>
    <row r="5" spans="1:20">
      <c r="A5" s="73" t="s">
        <v>7</v>
      </c>
      <c r="B5" s="20">
        <v>262</v>
      </c>
      <c r="C5" s="20">
        <v>671</v>
      </c>
      <c r="D5" s="20">
        <v>455</v>
      </c>
      <c r="E5" s="20">
        <v>757</v>
      </c>
      <c r="F5" s="20">
        <v>372</v>
      </c>
      <c r="G5" s="20">
        <v>0</v>
      </c>
      <c r="H5" s="20">
        <v>2517</v>
      </c>
    </row>
    <row r="6" spans="1:20">
      <c r="A6" s="77"/>
      <c r="B6" s="21">
        <v>0.104</v>
      </c>
      <c r="C6" s="21">
        <v>0.26700000000000002</v>
      </c>
      <c r="D6" s="21">
        <v>0.18099999999999999</v>
      </c>
      <c r="E6" s="21">
        <v>0.30099999999999999</v>
      </c>
      <c r="F6" s="21">
        <v>0.14799999999999999</v>
      </c>
      <c r="G6" s="21">
        <v>0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>
      <c r="A7" s="73" t="s">
        <v>8</v>
      </c>
      <c r="B7" s="24">
        <v>56</v>
      </c>
      <c r="C7" s="24">
        <v>136</v>
      </c>
      <c r="D7" s="24">
        <v>102</v>
      </c>
      <c r="E7" s="24">
        <v>151</v>
      </c>
      <c r="F7" s="24">
        <v>84</v>
      </c>
      <c r="G7" s="24">
        <v>0</v>
      </c>
      <c r="H7" s="20">
        <v>529</v>
      </c>
      <c r="M7" s="22"/>
      <c r="N7" s="22"/>
      <c r="O7" s="22"/>
      <c r="P7" s="22"/>
      <c r="Q7" s="22"/>
    </row>
    <row r="8" spans="1:20">
      <c r="A8" s="74"/>
      <c r="B8" s="21">
        <v>0.106</v>
      </c>
      <c r="C8" s="21">
        <v>0.25700000000000001</v>
      </c>
      <c r="D8" s="21">
        <v>0.193</v>
      </c>
      <c r="E8" s="21">
        <v>0.28499999999999998</v>
      </c>
      <c r="F8" s="21">
        <v>0.159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73" t="s">
        <v>9</v>
      </c>
      <c r="B9" s="24">
        <v>79</v>
      </c>
      <c r="C9" s="24">
        <v>240</v>
      </c>
      <c r="D9" s="24">
        <v>161</v>
      </c>
      <c r="E9" s="24">
        <v>276</v>
      </c>
      <c r="F9" s="24">
        <v>159</v>
      </c>
      <c r="G9" s="24">
        <v>1</v>
      </c>
      <c r="H9" s="24">
        <v>916</v>
      </c>
      <c r="M9" s="22"/>
      <c r="N9" s="22"/>
      <c r="O9" s="22"/>
      <c r="P9" s="22"/>
      <c r="Q9" s="22"/>
    </row>
    <row r="10" spans="1:20">
      <c r="A10" s="74"/>
      <c r="B10" s="21">
        <v>8.5999999999999993E-2</v>
      </c>
      <c r="C10" s="21">
        <v>0.26200000000000001</v>
      </c>
      <c r="D10" s="21">
        <v>0.17599999999999999</v>
      </c>
      <c r="E10" s="21">
        <v>0.30099999999999999</v>
      </c>
      <c r="F10" s="21">
        <v>0.17399999999999999</v>
      </c>
      <c r="G10" s="21">
        <v>1E-3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>
      <c r="A11" s="78" t="s">
        <v>10</v>
      </c>
      <c r="B11" s="24">
        <v>30</v>
      </c>
      <c r="C11" s="24">
        <v>54</v>
      </c>
      <c r="D11" s="24">
        <v>59</v>
      </c>
      <c r="E11" s="24">
        <v>84</v>
      </c>
      <c r="F11" s="24">
        <v>40</v>
      </c>
      <c r="G11" s="24">
        <v>0</v>
      </c>
      <c r="H11" s="24">
        <v>267</v>
      </c>
      <c r="M11" s="22"/>
      <c r="N11" s="22"/>
      <c r="O11" s="22"/>
      <c r="P11" s="22"/>
      <c r="Q11" s="22"/>
    </row>
    <row r="12" spans="1:20">
      <c r="A12" s="79"/>
      <c r="B12" s="21">
        <v>0.112</v>
      </c>
      <c r="C12" s="21">
        <v>0.20200000000000001</v>
      </c>
      <c r="D12" s="21">
        <v>0.221</v>
      </c>
      <c r="E12" s="21">
        <v>0.315</v>
      </c>
      <c r="F12" s="21">
        <v>0.15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>
      <c r="A13" s="73" t="s">
        <v>11</v>
      </c>
      <c r="B13" s="24">
        <v>17</v>
      </c>
      <c r="C13" s="24">
        <v>60</v>
      </c>
      <c r="D13" s="24">
        <v>48</v>
      </c>
      <c r="E13" s="24">
        <v>79</v>
      </c>
      <c r="F13" s="24">
        <v>33</v>
      </c>
      <c r="G13" s="24">
        <v>0</v>
      </c>
      <c r="H13" s="24">
        <v>237</v>
      </c>
      <c r="M13" s="22"/>
      <c r="N13" s="22"/>
      <c r="O13" s="22"/>
      <c r="P13" s="22"/>
      <c r="Q13" s="22"/>
    </row>
    <row r="14" spans="1:20">
      <c r="A14" s="74"/>
      <c r="B14" s="21">
        <v>7.1999999999999995E-2</v>
      </c>
      <c r="C14" s="21">
        <v>0.253</v>
      </c>
      <c r="D14" s="21">
        <v>0.20300000000000001</v>
      </c>
      <c r="E14" s="21">
        <v>0.33300000000000002</v>
      </c>
      <c r="F14" s="21">
        <v>0.13900000000000001</v>
      </c>
      <c r="G14" s="21">
        <v>0</v>
      </c>
      <c r="H14" s="21">
        <v>1</v>
      </c>
      <c r="M14" s="22"/>
      <c r="N14" s="22"/>
      <c r="O14" s="22"/>
      <c r="P14" s="22"/>
      <c r="Q14" s="22"/>
      <c r="R14" s="22"/>
      <c r="S14" s="22"/>
      <c r="T14" s="22"/>
    </row>
    <row r="15" spans="1:20">
      <c r="A15" s="73" t="s">
        <v>12</v>
      </c>
      <c r="B15" s="24">
        <v>23</v>
      </c>
      <c r="C15" s="24">
        <v>56</v>
      </c>
      <c r="D15" s="24">
        <v>40</v>
      </c>
      <c r="E15" s="24">
        <v>69</v>
      </c>
      <c r="F15" s="24">
        <v>43</v>
      </c>
      <c r="G15" s="24">
        <v>0</v>
      </c>
      <c r="H15" s="24">
        <v>231</v>
      </c>
      <c r="M15" s="22"/>
      <c r="N15" s="22"/>
      <c r="O15" s="22"/>
      <c r="P15" s="22"/>
      <c r="Q15" s="22"/>
    </row>
    <row r="16" spans="1:20">
      <c r="A16" s="74"/>
      <c r="B16" s="21">
        <v>0.1</v>
      </c>
      <c r="C16" s="21">
        <v>0.24199999999999999</v>
      </c>
      <c r="D16" s="21">
        <v>0.17299999999999999</v>
      </c>
      <c r="E16" s="21">
        <v>0.29899999999999999</v>
      </c>
      <c r="F16" s="21">
        <v>0.186</v>
      </c>
      <c r="G16" s="21">
        <v>0</v>
      </c>
      <c r="H16" s="21">
        <v>1</v>
      </c>
      <c r="M16" s="22"/>
      <c r="N16" s="22"/>
      <c r="O16" s="22"/>
      <c r="P16" s="22"/>
      <c r="Q16" s="22"/>
      <c r="R16" s="22"/>
      <c r="S16" s="22"/>
      <c r="T16" s="22"/>
    </row>
    <row r="17" spans="1:20" s="23" customFormat="1">
      <c r="A17" s="73" t="s">
        <v>13</v>
      </c>
      <c r="B17" s="20">
        <v>128</v>
      </c>
      <c r="C17" s="20">
        <v>257</v>
      </c>
      <c r="D17" s="20">
        <v>225</v>
      </c>
      <c r="E17" s="20">
        <v>340</v>
      </c>
      <c r="F17" s="20">
        <v>195</v>
      </c>
      <c r="G17" s="20">
        <v>1</v>
      </c>
      <c r="H17" s="20">
        <v>1146</v>
      </c>
    </row>
    <row r="18" spans="1:20">
      <c r="A18" s="74"/>
      <c r="B18" s="21">
        <v>0.112</v>
      </c>
      <c r="C18" s="21">
        <v>0.224</v>
      </c>
      <c r="D18" s="21">
        <v>0.19600000000000001</v>
      </c>
      <c r="E18" s="21">
        <v>0.29699999999999999</v>
      </c>
      <c r="F18" s="21">
        <v>0.17</v>
      </c>
      <c r="G18" s="21">
        <v>1E-3</v>
      </c>
      <c r="H18" s="21">
        <v>1</v>
      </c>
      <c r="M18" s="22"/>
      <c r="N18" s="22"/>
      <c r="O18" s="22"/>
      <c r="P18" s="22"/>
      <c r="Q18" s="22"/>
      <c r="R18" s="22"/>
      <c r="S18" s="22"/>
      <c r="T18" s="22"/>
    </row>
    <row r="19" spans="1:20">
      <c r="A19" s="73" t="s">
        <v>14</v>
      </c>
      <c r="B19" s="24">
        <v>15</v>
      </c>
      <c r="C19" s="24">
        <v>48</v>
      </c>
      <c r="D19" s="24">
        <v>34</v>
      </c>
      <c r="E19" s="24">
        <v>52</v>
      </c>
      <c r="F19" s="24">
        <v>30</v>
      </c>
      <c r="G19" s="24">
        <v>0</v>
      </c>
      <c r="H19" s="24">
        <v>179</v>
      </c>
      <c r="M19" s="22"/>
      <c r="N19" s="22"/>
      <c r="O19" s="22"/>
      <c r="P19" s="22"/>
      <c r="Q19" s="22"/>
    </row>
    <row r="20" spans="1:20">
      <c r="A20" s="74"/>
      <c r="B20" s="21">
        <v>8.4000000000000005E-2</v>
      </c>
      <c r="C20" s="21">
        <v>0.26800000000000002</v>
      </c>
      <c r="D20" s="21">
        <v>0.19</v>
      </c>
      <c r="E20" s="21">
        <v>0.29099999999999998</v>
      </c>
      <c r="F20" s="21">
        <v>0.16800000000000001</v>
      </c>
      <c r="G20" s="21">
        <v>0</v>
      </c>
      <c r="H20" s="21">
        <v>1</v>
      </c>
      <c r="M20" s="22"/>
      <c r="N20" s="22"/>
      <c r="O20" s="22"/>
      <c r="P20" s="22"/>
      <c r="Q20" s="22"/>
      <c r="R20" s="22"/>
      <c r="S20" s="22"/>
      <c r="T20" s="22"/>
    </row>
    <row r="21" spans="1:20">
      <c r="A21" s="72" t="s">
        <v>22</v>
      </c>
      <c r="B21" s="34">
        <v>7</v>
      </c>
      <c r="C21" s="34">
        <v>8</v>
      </c>
      <c r="D21" s="34">
        <v>11</v>
      </c>
      <c r="E21" s="34">
        <v>8</v>
      </c>
      <c r="F21" s="34">
        <v>14</v>
      </c>
      <c r="G21" s="34">
        <v>0</v>
      </c>
      <c r="H21" s="34">
        <v>48</v>
      </c>
      <c r="M21" s="22"/>
      <c r="N21" s="22"/>
      <c r="O21" s="22"/>
      <c r="P21" s="22"/>
      <c r="Q21" s="22"/>
    </row>
    <row r="22" spans="1:20" s="26" customFormat="1">
      <c r="A22" s="72"/>
      <c r="B22" s="33">
        <v>0.14599999999999999</v>
      </c>
      <c r="C22" s="33">
        <v>0.16700000000000001</v>
      </c>
      <c r="D22" s="33">
        <v>0.22900000000000001</v>
      </c>
      <c r="E22" s="33">
        <v>0.16700000000000001</v>
      </c>
      <c r="F22" s="33">
        <v>0.29199999999999998</v>
      </c>
      <c r="G22" s="33">
        <v>0</v>
      </c>
      <c r="H22" s="33">
        <v>1</v>
      </c>
    </row>
    <row r="23" spans="1:20" s="23" customFormat="1">
      <c r="A23" s="73" t="s">
        <v>15</v>
      </c>
      <c r="B23" s="20">
        <v>617</v>
      </c>
      <c r="C23" s="20">
        <v>1530</v>
      </c>
      <c r="D23" s="20">
        <v>1135</v>
      </c>
      <c r="E23" s="20">
        <v>1816</v>
      </c>
      <c r="F23" s="20">
        <v>970</v>
      </c>
      <c r="G23" s="20">
        <v>2</v>
      </c>
      <c r="H23" s="20">
        <v>6070</v>
      </c>
    </row>
    <row r="24" spans="1:20">
      <c r="A24" s="74"/>
      <c r="B24" s="21">
        <v>0.10199999999999999</v>
      </c>
      <c r="C24" s="21">
        <v>0.252</v>
      </c>
      <c r="D24" s="21">
        <v>0.187</v>
      </c>
      <c r="E24" s="21">
        <v>0.29899999999999999</v>
      </c>
      <c r="F24" s="21">
        <v>0.16</v>
      </c>
      <c r="G24" s="21">
        <v>0</v>
      </c>
      <c r="H24" s="21">
        <v>1</v>
      </c>
      <c r="M24" s="22"/>
      <c r="N24" s="22"/>
      <c r="O24" s="22"/>
      <c r="P24" s="22"/>
      <c r="Q24" s="22"/>
      <c r="R24" s="22"/>
      <c r="S24" s="22"/>
      <c r="T24" s="22"/>
    </row>
    <row r="25" spans="1:20">
      <c r="A25" s="71" t="s">
        <v>65</v>
      </c>
      <c r="B25" s="71"/>
      <c r="C25" s="71"/>
      <c r="D25" s="71"/>
      <c r="E25" s="71"/>
      <c r="F25" s="71"/>
      <c r="G25" s="71"/>
      <c r="H25" s="71"/>
      <c r="M25" s="22"/>
      <c r="N25" s="22"/>
      <c r="O25" s="22"/>
      <c r="P25" s="22"/>
      <c r="Q25" s="22"/>
    </row>
    <row r="26" spans="1:20">
      <c r="A26" s="25"/>
      <c r="B26" s="25"/>
      <c r="C26" s="25"/>
      <c r="D26" s="25"/>
      <c r="E26" s="25"/>
      <c r="F26" s="25"/>
      <c r="G26" s="25"/>
      <c r="H26" s="25"/>
    </row>
  </sheetData>
  <mergeCells count="14">
    <mergeCell ref="A23:A24"/>
    <mergeCell ref="A25:H25"/>
    <mergeCell ref="A11:A12"/>
    <mergeCell ref="A13:A14"/>
    <mergeCell ref="A15:A16"/>
    <mergeCell ref="A17:A18"/>
    <mergeCell ref="A19:A20"/>
    <mergeCell ref="A21:A22"/>
    <mergeCell ref="A9:A10"/>
    <mergeCell ref="A1:H1"/>
    <mergeCell ref="A3:A4"/>
    <mergeCell ref="B3:H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8"/>
  <dimension ref="A1:S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7" width="9" style="18" customWidth="1"/>
    <col min="8" max="16384" width="9" style="18"/>
  </cols>
  <sheetData>
    <row r="1" spans="1:19">
      <c r="A1" s="70" t="s">
        <v>381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307</v>
      </c>
      <c r="B3" s="76" t="s">
        <v>146</v>
      </c>
      <c r="C3" s="76"/>
      <c r="D3" s="76"/>
      <c r="E3" s="76"/>
      <c r="F3" s="76"/>
      <c r="G3" s="76"/>
    </row>
    <row r="4" spans="1:19" ht="42.75">
      <c r="A4" s="75"/>
      <c r="B4" s="11" t="s">
        <v>33</v>
      </c>
      <c r="C4" s="11" t="s">
        <v>186</v>
      </c>
      <c r="D4" s="11" t="s">
        <v>36</v>
      </c>
      <c r="E4" s="11" t="s">
        <v>35</v>
      </c>
      <c r="F4" s="11" t="s">
        <v>22</v>
      </c>
      <c r="G4" s="12" t="s">
        <v>15</v>
      </c>
    </row>
    <row r="5" spans="1:19">
      <c r="A5" s="73" t="s">
        <v>25</v>
      </c>
      <c r="B5" s="20">
        <v>1948</v>
      </c>
      <c r="C5" s="20">
        <v>40</v>
      </c>
      <c r="D5" s="20">
        <v>7</v>
      </c>
      <c r="E5" s="20">
        <v>1</v>
      </c>
      <c r="F5" s="20">
        <v>0</v>
      </c>
      <c r="G5" s="20">
        <v>1996</v>
      </c>
    </row>
    <row r="6" spans="1:19">
      <c r="A6" s="77"/>
      <c r="B6" s="21">
        <v>0.97599999999999998</v>
      </c>
      <c r="C6" s="21">
        <v>0.02</v>
      </c>
      <c r="D6" s="21">
        <v>4.0000000000000001E-3</v>
      </c>
      <c r="E6" s="21">
        <v>1E-3</v>
      </c>
      <c r="F6" s="21">
        <v>0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45</v>
      </c>
      <c r="B7" s="24">
        <v>533</v>
      </c>
      <c r="C7" s="24">
        <v>13</v>
      </c>
      <c r="D7" s="24">
        <v>4</v>
      </c>
      <c r="E7" s="24">
        <v>1</v>
      </c>
      <c r="F7" s="24">
        <v>1</v>
      </c>
      <c r="G7" s="20">
        <v>552</v>
      </c>
      <c r="L7" s="22"/>
      <c r="M7" s="22"/>
      <c r="N7" s="22"/>
      <c r="O7" s="22"/>
      <c r="P7" s="22"/>
    </row>
    <row r="8" spans="1:19">
      <c r="A8" s="79"/>
      <c r="B8" s="21">
        <v>0.96599999999999997</v>
      </c>
      <c r="C8" s="21">
        <v>2.4E-2</v>
      </c>
      <c r="D8" s="21">
        <v>7.0000000000000001E-3</v>
      </c>
      <c r="E8" s="21">
        <v>2E-3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</v>
      </c>
      <c r="B9" s="24">
        <v>161</v>
      </c>
      <c r="C9" s="24">
        <v>3</v>
      </c>
      <c r="D9" s="24">
        <v>1</v>
      </c>
      <c r="E9" s="24">
        <v>0</v>
      </c>
      <c r="F9" s="24">
        <v>1</v>
      </c>
      <c r="G9" s="24">
        <v>166</v>
      </c>
      <c r="L9" s="22"/>
      <c r="M9" s="22"/>
      <c r="N9" s="22"/>
      <c r="O9" s="22"/>
      <c r="P9" s="22"/>
    </row>
    <row r="10" spans="1:19">
      <c r="A10" s="79"/>
      <c r="B10" s="21">
        <v>0.97</v>
      </c>
      <c r="C10" s="21">
        <v>1.7999999999999999E-2</v>
      </c>
      <c r="D10" s="21">
        <v>6.0000000000000001E-3</v>
      </c>
      <c r="E10" s="21">
        <v>0</v>
      </c>
      <c r="F10" s="21">
        <v>6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2642</v>
      </c>
      <c r="C11" s="20">
        <v>56</v>
      </c>
      <c r="D11" s="20">
        <v>12</v>
      </c>
      <c r="E11" s="20">
        <v>2</v>
      </c>
      <c r="F11" s="20">
        <v>2</v>
      </c>
      <c r="G11" s="20">
        <v>2714</v>
      </c>
    </row>
    <row r="12" spans="1:19">
      <c r="A12" s="74"/>
      <c r="B12" s="21">
        <v>0.97299999999999998</v>
      </c>
      <c r="C12" s="21">
        <v>2.1000000000000001E-2</v>
      </c>
      <c r="D12" s="21">
        <v>4.0000000000000001E-3</v>
      </c>
      <c r="E12" s="21">
        <v>1E-3</v>
      </c>
      <c r="F12" s="21">
        <v>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1" t="s">
        <v>40</v>
      </c>
      <c r="B13" s="96"/>
      <c r="C13" s="96"/>
      <c r="D13" s="96"/>
      <c r="E13" s="96"/>
      <c r="F13" s="96"/>
      <c r="G13" s="96"/>
      <c r="L13" s="22"/>
      <c r="M13" s="22"/>
      <c r="N13" s="22"/>
      <c r="O13" s="22"/>
      <c r="P13" s="22"/>
    </row>
    <row r="14" spans="1:19">
      <c r="A14" s="25"/>
      <c r="B14" s="25"/>
      <c r="C14" s="25"/>
      <c r="D14" s="25"/>
      <c r="E14" s="25"/>
      <c r="F14" s="25"/>
      <c r="G14" s="25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9"/>
  <dimension ref="A1:R14"/>
  <sheetViews>
    <sheetView workbookViewId="0">
      <selection activeCell="A2" sqref="A2"/>
    </sheetView>
  </sheetViews>
  <sheetFormatPr defaultColWidth="9" defaultRowHeight="14.25"/>
  <cols>
    <col min="1" max="1" width="26.125" style="18" bestFit="1" customWidth="1"/>
    <col min="2" max="6" width="8.875" style="18" customWidth="1"/>
    <col min="7" max="16384" width="9" style="18"/>
  </cols>
  <sheetData>
    <row r="1" spans="1:18">
      <c r="A1" s="70" t="s">
        <v>382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243</v>
      </c>
      <c r="B3" s="76" t="s">
        <v>250</v>
      </c>
      <c r="C3" s="76"/>
      <c r="D3" s="76"/>
      <c r="E3" s="76"/>
      <c r="F3" s="76"/>
    </row>
    <row r="4" spans="1:18">
      <c r="A4" s="75"/>
      <c r="B4" s="11" t="s">
        <v>152</v>
      </c>
      <c r="C4" s="11" t="s">
        <v>153</v>
      </c>
      <c r="D4" s="11" t="s">
        <v>145</v>
      </c>
      <c r="E4" s="11" t="s">
        <v>22</v>
      </c>
      <c r="F4" s="12" t="s">
        <v>15</v>
      </c>
    </row>
    <row r="5" spans="1:18">
      <c r="A5" s="73" t="s">
        <v>25</v>
      </c>
      <c r="B5" s="20">
        <v>185</v>
      </c>
      <c r="C5" s="20">
        <v>1404</v>
      </c>
      <c r="D5" s="20">
        <v>262</v>
      </c>
      <c r="E5" s="20">
        <v>97</v>
      </c>
      <c r="F5" s="20">
        <v>1948</v>
      </c>
    </row>
    <row r="6" spans="1:18">
      <c r="A6" s="77"/>
      <c r="B6" s="21">
        <v>9.5000000000000001E-2</v>
      </c>
      <c r="C6" s="21">
        <v>0.72099999999999997</v>
      </c>
      <c r="D6" s="21">
        <v>0.13400000000000001</v>
      </c>
      <c r="E6" s="21">
        <v>0.05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57</v>
      </c>
      <c r="C7" s="24">
        <v>370</v>
      </c>
      <c r="D7" s="24">
        <v>87</v>
      </c>
      <c r="E7" s="24">
        <v>19</v>
      </c>
      <c r="F7" s="20">
        <v>533</v>
      </c>
      <c r="K7" s="22"/>
      <c r="L7" s="22"/>
      <c r="M7" s="22"/>
      <c r="N7" s="22"/>
      <c r="O7" s="22"/>
    </row>
    <row r="8" spans="1:18">
      <c r="A8" s="79"/>
      <c r="B8" s="21">
        <v>0.107</v>
      </c>
      <c r="C8" s="21">
        <v>0.69399999999999995</v>
      </c>
      <c r="D8" s="21">
        <v>0.16300000000000001</v>
      </c>
      <c r="E8" s="21">
        <v>3.5999999999999997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4">
        <v>8</v>
      </c>
      <c r="C9" s="24">
        <v>37</v>
      </c>
      <c r="D9" s="24">
        <v>8</v>
      </c>
      <c r="E9" s="24">
        <v>108</v>
      </c>
      <c r="F9" s="24">
        <v>161</v>
      </c>
      <c r="K9" s="22"/>
      <c r="L9" s="22"/>
      <c r="M9" s="22"/>
      <c r="N9" s="22"/>
      <c r="O9" s="22"/>
    </row>
    <row r="10" spans="1:18">
      <c r="A10" s="79"/>
      <c r="B10" s="21">
        <v>0.05</v>
      </c>
      <c r="C10" s="21">
        <v>0.23</v>
      </c>
      <c r="D10" s="21">
        <v>0.05</v>
      </c>
      <c r="E10" s="21">
        <v>0.67100000000000004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250</v>
      </c>
      <c r="C11" s="20">
        <v>1811</v>
      </c>
      <c r="D11" s="20">
        <v>357</v>
      </c>
      <c r="E11" s="20">
        <v>224</v>
      </c>
      <c r="F11" s="20">
        <v>2642</v>
      </c>
    </row>
    <row r="12" spans="1:18">
      <c r="A12" s="74"/>
      <c r="B12" s="21">
        <v>9.5000000000000001E-2</v>
      </c>
      <c r="C12" s="21">
        <v>0.68500000000000005</v>
      </c>
      <c r="D12" s="21">
        <v>0.13500000000000001</v>
      </c>
      <c r="E12" s="21">
        <v>8.5000000000000006E-2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251</v>
      </c>
      <c r="B13" s="96"/>
      <c r="C13" s="96"/>
      <c r="D13" s="96"/>
      <c r="E13" s="96"/>
      <c r="F13" s="96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0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18" bestFit="1" customWidth="1"/>
    <col min="2" max="5" width="8.875" style="18" customWidth="1"/>
    <col min="6" max="16384" width="9" style="18"/>
  </cols>
  <sheetData>
    <row r="1" spans="1:17">
      <c r="A1" s="97" t="s">
        <v>383</v>
      </c>
      <c r="B1" s="97"/>
      <c r="C1" s="97"/>
      <c r="D1" s="97"/>
      <c r="E1" s="97"/>
    </row>
    <row r="2" spans="1:17">
      <c r="A2" s="121" t="s">
        <v>613</v>
      </c>
      <c r="B2" s="38"/>
      <c r="C2" s="38"/>
      <c r="D2" s="38"/>
      <c r="E2" s="38"/>
    </row>
    <row r="3" spans="1:17">
      <c r="A3" s="75" t="s">
        <v>255</v>
      </c>
      <c r="B3" s="76" t="s">
        <v>116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2" t="s">
        <v>15</v>
      </c>
    </row>
    <row r="5" spans="1:17">
      <c r="A5" s="73" t="s">
        <v>25</v>
      </c>
      <c r="B5" s="20">
        <v>1196</v>
      </c>
      <c r="C5" s="20">
        <v>790</v>
      </c>
      <c r="D5" s="20">
        <v>10</v>
      </c>
      <c r="E5" s="20">
        <v>1996</v>
      </c>
    </row>
    <row r="6" spans="1:17">
      <c r="A6" s="77"/>
      <c r="B6" s="21">
        <v>0.59899999999999998</v>
      </c>
      <c r="C6" s="21">
        <v>0.39600000000000002</v>
      </c>
      <c r="D6" s="21">
        <v>5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332</v>
      </c>
      <c r="C7" s="24">
        <v>219</v>
      </c>
      <c r="D7" s="24">
        <v>1</v>
      </c>
      <c r="E7" s="20">
        <v>552</v>
      </c>
      <c r="J7" s="22"/>
      <c r="K7" s="22"/>
      <c r="L7" s="22"/>
      <c r="M7" s="22"/>
      <c r="N7" s="22"/>
    </row>
    <row r="8" spans="1:17">
      <c r="A8" s="79"/>
      <c r="B8" s="21">
        <v>0.60099999999999998</v>
      </c>
      <c r="C8" s="21">
        <v>0.39700000000000002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22</v>
      </c>
      <c r="B9" s="24">
        <v>93</v>
      </c>
      <c r="C9" s="24">
        <v>70</v>
      </c>
      <c r="D9" s="24">
        <v>3</v>
      </c>
      <c r="E9" s="24">
        <v>166</v>
      </c>
      <c r="J9" s="22"/>
      <c r="K9" s="22"/>
      <c r="L9" s="22"/>
      <c r="M9" s="22"/>
      <c r="N9" s="22"/>
    </row>
    <row r="10" spans="1:17">
      <c r="A10" s="79"/>
      <c r="B10" s="21">
        <v>0.56000000000000005</v>
      </c>
      <c r="C10" s="21">
        <v>0.42199999999999999</v>
      </c>
      <c r="D10" s="21">
        <v>1.7999999999999999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1621</v>
      </c>
      <c r="C11" s="20">
        <v>1079</v>
      </c>
      <c r="D11" s="20">
        <v>14</v>
      </c>
      <c r="E11" s="20">
        <v>2714</v>
      </c>
    </row>
    <row r="12" spans="1:17">
      <c r="A12" s="74"/>
      <c r="B12" s="21">
        <v>0.59699999999999998</v>
      </c>
      <c r="C12" s="21">
        <v>0.39800000000000002</v>
      </c>
      <c r="D12" s="21">
        <v>5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1" t="s">
        <v>45</v>
      </c>
      <c r="B13" s="96"/>
      <c r="C13" s="96"/>
      <c r="D13" s="96"/>
      <c r="E13" s="96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1"/>
  <dimension ref="A1:Q14"/>
  <sheetViews>
    <sheetView workbookViewId="0">
      <selection activeCell="A2" sqref="A2"/>
    </sheetView>
  </sheetViews>
  <sheetFormatPr defaultColWidth="9" defaultRowHeight="14.25"/>
  <cols>
    <col min="1" max="1" width="14" style="18" customWidth="1"/>
    <col min="2" max="2" width="17.625" style="18" customWidth="1"/>
    <col min="3" max="3" width="23.25" style="18" bestFit="1" customWidth="1"/>
    <col min="4" max="5" width="8.875" style="18" customWidth="1"/>
    <col min="6" max="16384" width="9" style="18"/>
  </cols>
  <sheetData>
    <row r="1" spans="1:17">
      <c r="A1" s="70" t="s">
        <v>38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307</v>
      </c>
      <c r="B3" s="76" t="s">
        <v>117</v>
      </c>
      <c r="C3" s="76"/>
      <c r="D3" s="76"/>
      <c r="E3" s="76"/>
    </row>
    <row r="4" spans="1:17" ht="28.5">
      <c r="A4" s="75"/>
      <c r="B4" s="11" t="s">
        <v>187</v>
      </c>
      <c r="C4" s="11" t="s">
        <v>188</v>
      </c>
      <c r="D4" s="11" t="s">
        <v>22</v>
      </c>
      <c r="E4" s="12" t="s">
        <v>15</v>
      </c>
    </row>
    <row r="5" spans="1:17">
      <c r="A5" s="73" t="s">
        <v>25</v>
      </c>
      <c r="B5" s="20">
        <v>1334</v>
      </c>
      <c r="C5" s="20">
        <v>661</v>
      </c>
      <c r="D5" s="20">
        <v>1</v>
      </c>
      <c r="E5" s="20">
        <v>1996</v>
      </c>
    </row>
    <row r="6" spans="1:17">
      <c r="A6" s="77"/>
      <c r="B6" s="21">
        <v>0.66800000000000004</v>
      </c>
      <c r="C6" s="21">
        <v>0.33100000000000002</v>
      </c>
      <c r="D6" s="21">
        <v>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349</v>
      </c>
      <c r="C7" s="24">
        <v>203</v>
      </c>
      <c r="D7" s="24">
        <v>0</v>
      </c>
      <c r="E7" s="20">
        <v>552</v>
      </c>
      <c r="J7" s="22"/>
      <c r="K7" s="22"/>
      <c r="L7" s="22"/>
      <c r="M7" s="22"/>
      <c r="N7" s="22"/>
    </row>
    <row r="8" spans="1:17">
      <c r="A8" s="79"/>
      <c r="B8" s="21">
        <v>0.63200000000000001</v>
      </c>
      <c r="C8" s="21">
        <v>0.36799999999999999</v>
      </c>
      <c r="D8" s="21">
        <v>0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22</v>
      </c>
      <c r="B9" s="24">
        <v>104</v>
      </c>
      <c r="C9" s="24">
        <v>62</v>
      </c>
      <c r="D9" s="24">
        <v>0</v>
      </c>
      <c r="E9" s="24">
        <v>166</v>
      </c>
      <c r="J9" s="22"/>
      <c r="K9" s="22"/>
      <c r="L9" s="22"/>
      <c r="M9" s="22"/>
      <c r="N9" s="22"/>
    </row>
    <row r="10" spans="1:17">
      <c r="A10" s="79"/>
      <c r="B10" s="21">
        <v>0.627</v>
      </c>
      <c r="C10" s="21">
        <v>0.373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1787</v>
      </c>
      <c r="C11" s="20">
        <v>926</v>
      </c>
      <c r="D11" s="20">
        <v>1</v>
      </c>
      <c r="E11" s="20">
        <v>2714</v>
      </c>
    </row>
    <row r="12" spans="1:17">
      <c r="A12" s="74"/>
      <c r="B12" s="21">
        <v>0.65800000000000003</v>
      </c>
      <c r="C12" s="21">
        <v>0.34100000000000003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1" t="s">
        <v>213</v>
      </c>
      <c r="B13" s="96"/>
      <c r="C13" s="96"/>
      <c r="D13" s="96"/>
      <c r="E13" s="96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2"/>
  <dimension ref="A1:Q14"/>
  <sheetViews>
    <sheetView workbookViewId="0">
      <selection activeCell="A2" sqref="A2"/>
    </sheetView>
  </sheetViews>
  <sheetFormatPr defaultColWidth="9" defaultRowHeight="14.25"/>
  <cols>
    <col min="1" max="1" width="27.5" style="18" customWidth="1"/>
    <col min="2" max="2" width="9.625" style="18" customWidth="1"/>
    <col min="3" max="5" width="9" style="18" customWidth="1"/>
    <col min="6" max="16384" width="9" style="18"/>
  </cols>
  <sheetData>
    <row r="1" spans="1:17">
      <c r="A1" s="81" t="s">
        <v>385</v>
      </c>
      <c r="B1" s="81"/>
      <c r="C1" s="81"/>
      <c r="D1" s="81"/>
      <c r="E1" s="81"/>
    </row>
    <row r="2" spans="1:17">
      <c r="A2" s="121" t="s">
        <v>613</v>
      </c>
      <c r="B2" s="40"/>
      <c r="C2" s="40"/>
      <c r="D2" s="40"/>
      <c r="E2" s="40"/>
    </row>
    <row r="3" spans="1:17">
      <c r="A3" s="75" t="s">
        <v>243</v>
      </c>
      <c r="B3" s="76" t="s">
        <v>118</v>
      </c>
      <c r="C3" s="76"/>
      <c r="D3" s="76"/>
      <c r="E3" s="76"/>
    </row>
    <row r="4" spans="1:17" ht="28.5">
      <c r="A4" s="75"/>
      <c r="B4" s="11" t="s">
        <v>214</v>
      </c>
      <c r="C4" s="11" t="s">
        <v>215</v>
      </c>
      <c r="D4" s="12" t="s">
        <v>54</v>
      </c>
      <c r="E4" s="12" t="s">
        <v>15</v>
      </c>
    </row>
    <row r="5" spans="1:17">
      <c r="A5" s="73" t="s">
        <v>25</v>
      </c>
      <c r="B5" s="20">
        <v>192</v>
      </c>
      <c r="C5" s="20">
        <v>974</v>
      </c>
      <c r="D5" s="20">
        <v>830</v>
      </c>
      <c r="E5" s="20">
        <v>1996</v>
      </c>
    </row>
    <row r="6" spans="1:17">
      <c r="A6" s="77"/>
      <c r="B6" s="21">
        <v>9.6000000000000002E-2</v>
      </c>
      <c r="C6" s="21">
        <v>0.48799999999999999</v>
      </c>
      <c r="D6" s="21">
        <v>0.41599999999999998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61</v>
      </c>
      <c r="C7" s="24">
        <v>261</v>
      </c>
      <c r="D7" s="24">
        <v>230</v>
      </c>
      <c r="E7" s="20">
        <v>552</v>
      </c>
      <c r="J7" s="22"/>
      <c r="K7" s="22"/>
      <c r="L7" s="22"/>
      <c r="M7" s="22"/>
      <c r="N7" s="22"/>
    </row>
    <row r="8" spans="1:17">
      <c r="A8" s="79"/>
      <c r="B8" s="21">
        <v>0.111</v>
      </c>
      <c r="C8" s="21">
        <v>0.47299999999999998</v>
      </c>
      <c r="D8" s="21">
        <v>0.41699999999999998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22</v>
      </c>
      <c r="B9" s="24">
        <v>17</v>
      </c>
      <c r="C9" s="24">
        <v>68</v>
      </c>
      <c r="D9" s="24">
        <v>81</v>
      </c>
      <c r="E9" s="24">
        <v>166</v>
      </c>
      <c r="J9" s="22"/>
      <c r="K9" s="22"/>
      <c r="L9" s="22"/>
      <c r="M9" s="22"/>
      <c r="N9" s="22"/>
    </row>
    <row r="10" spans="1:17">
      <c r="A10" s="79"/>
      <c r="B10" s="21">
        <v>0.10199999999999999</v>
      </c>
      <c r="C10" s="21">
        <v>0.41</v>
      </c>
      <c r="D10" s="21">
        <v>0.48799999999999999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270</v>
      </c>
      <c r="C11" s="20">
        <v>1303</v>
      </c>
      <c r="D11" s="20">
        <v>1141</v>
      </c>
      <c r="E11" s="20">
        <v>2714</v>
      </c>
    </row>
    <row r="12" spans="1:17">
      <c r="A12" s="74"/>
      <c r="B12" s="21">
        <v>9.9000000000000005E-2</v>
      </c>
      <c r="C12" s="21">
        <v>0.48</v>
      </c>
      <c r="D12" s="21">
        <v>0.4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71" t="s">
        <v>58</v>
      </c>
      <c r="B13" s="71"/>
      <c r="C13" s="71"/>
      <c r="D13" s="71"/>
      <c r="E13" s="71"/>
      <c r="J13" s="22"/>
      <c r="K13" s="22"/>
      <c r="L13" s="22"/>
      <c r="M13" s="22"/>
      <c r="N13" s="22"/>
    </row>
    <row r="14" spans="1:17">
      <c r="A14" s="81"/>
      <c r="B14" s="81"/>
      <c r="C14" s="81"/>
      <c r="D14" s="81"/>
      <c r="E14" s="81"/>
    </row>
  </sheetData>
  <mergeCells count="8">
    <mergeCell ref="A13:E14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3"/>
  <dimension ref="A1:T14"/>
  <sheetViews>
    <sheetView workbookViewId="0">
      <selection activeCell="A2" sqref="A2"/>
    </sheetView>
  </sheetViews>
  <sheetFormatPr defaultColWidth="9" defaultRowHeight="14.25"/>
  <cols>
    <col min="1" max="1" width="10.625" style="18" customWidth="1"/>
    <col min="2" max="8" width="8.875" style="18" customWidth="1"/>
    <col min="9" max="16384" width="9" style="18"/>
  </cols>
  <sheetData>
    <row r="1" spans="1:20">
      <c r="A1" s="70" t="s">
        <v>386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84" t="s">
        <v>243</v>
      </c>
      <c r="B3" s="76" t="s">
        <v>119</v>
      </c>
      <c r="C3" s="76"/>
      <c r="D3" s="76"/>
      <c r="E3" s="76"/>
      <c r="F3" s="76"/>
      <c r="G3" s="76"/>
      <c r="H3" s="76"/>
    </row>
    <row r="4" spans="1:20" ht="42.75">
      <c r="A4" s="84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2" t="s">
        <v>15</v>
      </c>
    </row>
    <row r="5" spans="1:20">
      <c r="A5" s="73" t="s">
        <v>25</v>
      </c>
      <c r="B5" s="20">
        <v>201</v>
      </c>
      <c r="C5" s="20">
        <v>535</v>
      </c>
      <c r="D5" s="20">
        <v>386</v>
      </c>
      <c r="E5" s="20">
        <v>567</v>
      </c>
      <c r="F5" s="20">
        <v>306</v>
      </c>
      <c r="G5" s="20">
        <v>1</v>
      </c>
      <c r="H5" s="20">
        <v>1996</v>
      </c>
    </row>
    <row r="6" spans="1:20">
      <c r="A6" s="77"/>
      <c r="B6" s="21">
        <v>0.10100000000000001</v>
      </c>
      <c r="C6" s="21">
        <v>0.26800000000000002</v>
      </c>
      <c r="D6" s="21">
        <v>0.193</v>
      </c>
      <c r="E6" s="21">
        <v>0.28399999999999997</v>
      </c>
      <c r="F6" s="21">
        <v>0.153</v>
      </c>
      <c r="G6" s="21">
        <v>1E-3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>
      <c r="A7" s="78" t="s">
        <v>145</v>
      </c>
      <c r="B7" s="24">
        <v>72</v>
      </c>
      <c r="C7" s="24">
        <v>117</v>
      </c>
      <c r="D7" s="24">
        <v>98</v>
      </c>
      <c r="E7" s="24">
        <v>152</v>
      </c>
      <c r="F7" s="24">
        <v>113</v>
      </c>
      <c r="G7" s="24">
        <v>0</v>
      </c>
      <c r="H7" s="20">
        <v>552</v>
      </c>
      <c r="M7" s="22"/>
      <c r="N7" s="22"/>
      <c r="O7" s="22"/>
      <c r="P7" s="22"/>
      <c r="Q7" s="22"/>
    </row>
    <row r="8" spans="1:20">
      <c r="A8" s="79"/>
      <c r="B8" s="21">
        <v>0.13</v>
      </c>
      <c r="C8" s="21">
        <v>0.21199999999999999</v>
      </c>
      <c r="D8" s="21">
        <v>0.17799999999999999</v>
      </c>
      <c r="E8" s="21">
        <v>0.27500000000000002</v>
      </c>
      <c r="F8" s="21">
        <v>0.20499999999999999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78" t="s">
        <v>22</v>
      </c>
      <c r="B9" s="24">
        <v>28</v>
      </c>
      <c r="C9" s="24">
        <v>36</v>
      </c>
      <c r="D9" s="24">
        <v>23</v>
      </c>
      <c r="E9" s="24">
        <v>42</v>
      </c>
      <c r="F9" s="24">
        <v>36</v>
      </c>
      <c r="G9" s="24">
        <v>1</v>
      </c>
      <c r="H9" s="24">
        <v>166</v>
      </c>
      <c r="M9" s="22"/>
      <c r="N9" s="22"/>
      <c r="O9" s="22"/>
      <c r="P9" s="22"/>
      <c r="Q9" s="22"/>
    </row>
    <row r="10" spans="1:20">
      <c r="A10" s="79"/>
      <c r="B10" s="21">
        <v>0.16900000000000001</v>
      </c>
      <c r="C10" s="21">
        <v>0.217</v>
      </c>
      <c r="D10" s="21">
        <v>0.13900000000000001</v>
      </c>
      <c r="E10" s="21">
        <v>0.253</v>
      </c>
      <c r="F10" s="21">
        <v>0.217</v>
      </c>
      <c r="G10" s="21">
        <v>6.0000000000000001E-3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 s="23" customFormat="1">
      <c r="A11" s="73" t="s">
        <v>15</v>
      </c>
      <c r="B11" s="20">
        <v>301</v>
      </c>
      <c r="C11" s="20">
        <v>688</v>
      </c>
      <c r="D11" s="20">
        <v>507</v>
      </c>
      <c r="E11" s="20">
        <v>761</v>
      </c>
      <c r="F11" s="20">
        <v>455</v>
      </c>
      <c r="G11" s="20">
        <v>2</v>
      </c>
      <c r="H11" s="20">
        <v>2714</v>
      </c>
    </row>
    <row r="12" spans="1:20">
      <c r="A12" s="74"/>
      <c r="B12" s="21">
        <v>0.111</v>
      </c>
      <c r="C12" s="21">
        <v>0.254</v>
      </c>
      <c r="D12" s="21">
        <v>0.187</v>
      </c>
      <c r="E12" s="21">
        <v>0.28000000000000003</v>
      </c>
      <c r="F12" s="21">
        <v>0.16800000000000001</v>
      </c>
      <c r="G12" s="21">
        <v>1E-3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>
      <c r="A13" s="80" t="s">
        <v>65</v>
      </c>
      <c r="B13" s="98"/>
      <c r="C13" s="98"/>
      <c r="D13" s="98"/>
      <c r="E13" s="98"/>
      <c r="F13" s="98"/>
      <c r="G13" s="98"/>
      <c r="H13" s="98"/>
      <c r="M13" s="22"/>
      <c r="N13" s="22"/>
      <c r="O13" s="22"/>
      <c r="P13" s="22"/>
      <c r="Q13" s="22"/>
    </row>
    <row r="14" spans="1:20">
      <c r="A14" s="25"/>
      <c r="B14" s="25"/>
      <c r="C14" s="25"/>
      <c r="D14" s="25"/>
      <c r="E14" s="25"/>
      <c r="F14" s="25"/>
      <c r="G14" s="25"/>
      <c r="H14" s="25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4"/>
  <dimension ref="A1:S14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7" width="8.875" style="18" customWidth="1"/>
    <col min="8" max="16384" width="9" style="18"/>
  </cols>
  <sheetData>
    <row r="1" spans="1:19">
      <c r="A1" s="70" t="s">
        <v>387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3</v>
      </c>
      <c r="B3" s="76" t="s">
        <v>120</v>
      </c>
      <c r="C3" s="76"/>
      <c r="D3" s="76"/>
      <c r="E3" s="76"/>
      <c r="F3" s="76"/>
      <c r="G3" s="76"/>
    </row>
    <row r="4" spans="1:19" ht="57">
      <c r="A4" s="84"/>
      <c r="B4" s="11" t="s">
        <v>69</v>
      </c>
      <c r="C4" s="11" t="s">
        <v>53</v>
      </c>
      <c r="D4" s="11" t="s">
        <v>54</v>
      </c>
      <c r="E4" s="11" t="s">
        <v>70</v>
      </c>
      <c r="F4" s="11" t="s">
        <v>22</v>
      </c>
      <c r="G4" s="12" t="s">
        <v>15</v>
      </c>
    </row>
    <row r="5" spans="1:19">
      <c r="A5" s="73" t="s">
        <v>25</v>
      </c>
      <c r="B5" s="20">
        <v>785</v>
      </c>
      <c r="C5" s="20">
        <v>200</v>
      </c>
      <c r="D5" s="20">
        <v>115</v>
      </c>
      <c r="E5" s="20">
        <v>891</v>
      </c>
      <c r="F5" s="20">
        <v>5</v>
      </c>
      <c r="G5" s="20">
        <v>1996</v>
      </c>
    </row>
    <row r="6" spans="1:19">
      <c r="A6" s="77"/>
      <c r="B6" s="21">
        <v>0.39300000000000002</v>
      </c>
      <c r="C6" s="21">
        <v>0.1</v>
      </c>
      <c r="D6" s="21">
        <v>5.8000000000000003E-2</v>
      </c>
      <c r="E6" s="21">
        <v>0.44600000000000001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45</v>
      </c>
      <c r="B7" s="24">
        <v>233</v>
      </c>
      <c r="C7" s="24">
        <v>50</v>
      </c>
      <c r="D7" s="24">
        <v>29</v>
      </c>
      <c r="E7" s="24">
        <v>239</v>
      </c>
      <c r="F7" s="24">
        <v>1</v>
      </c>
      <c r="G7" s="20">
        <v>552</v>
      </c>
      <c r="L7" s="22"/>
      <c r="M7" s="22"/>
      <c r="N7" s="22"/>
      <c r="O7" s="22"/>
      <c r="P7" s="22"/>
    </row>
    <row r="8" spans="1:19">
      <c r="A8" s="79"/>
      <c r="B8" s="21">
        <v>0.42199999999999999</v>
      </c>
      <c r="C8" s="21">
        <v>9.0999999999999998E-2</v>
      </c>
      <c r="D8" s="21">
        <v>5.2999999999999999E-2</v>
      </c>
      <c r="E8" s="21">
        <v>0.433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</v>
      </c>
      <c r="B9" s="24">
        <v>77</v>
      </c>
      <c r="C9" s="24">
        <v>17</v>
      </c>
      <c r="D9" s="24">
        <v>12</v>
      </c>
      <c r="E9" s="24">
        <v>60</v>
      </c>
      <c r="F9" s="24">
        <v>0</v>
      </c>
      <c r="G9" s="24">
        <v>166</v>
      </c>
      <c r="L9" s="22"/>
      <c r="M9" s="22"/>
      <c r="N9" s="22"/>
      <c r="O9" s="22"/>
      <c r="P9" s="22"/>
    </row>
    <row r="10" spans="1:19">
      <c r="A10" s="79"/>
      <c r="B10" s="21">
        <v>0.46400000000000002</v>
      </c>
      <c r="C10" s="21">
        <v>0.10199999999999999</v>
      </c>
      <c r="D10" s="21">
        <v>7.1999999999999995E-2</v>
      </c>
      <c r="E10" s="21">
        <v>0.36099999999999999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1095</v>
      </c>
      <c r="C11" s="20">
        <v>267</v>
      </c>
      <c r="D11" s="20">
        <v>156</v>
      </c>
      <c r="E11" s="20">
        <v>1190</v>
      </c>
      <c r="F11" s="20">
        <v>6</v>
      </c>
      <c r="G11" s="20">
        <v>2714</v>
      </c>
    </row>
    <row r="12" spans="1:19">
      <c r="A12" s="74"/>
      <c r="B12" s="21">
        <v>0.40300000000000002</v>
      </c>
      <c r="C12" s="21">
        <v>9.8000000000000004E-2</v>
      </c>
      <c r="D12" s="21">
        <v>5.7000000000000002E-2</v>
      </c>
      <c r="E12" s="21">
        <v>0.438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ht="14.25" customHeight="1">
      <c r="A13" s="71" t="s">
        <v>71</v>
      </c>
      <c r="B13" s="71"/>
      <c r="C13" s="71"/>
      <c r="D13" s="71"/>
      <c r="E13" s="71"/>
      <c r="F13" s="71"/>
      <c r="G13" s="71"/>
      <c r="L13" s="22"/>
      <c r="M13" s="22"/>
      <c r="N13" s="22"/>
      <c r="O13" s="22"/>
      <c r="P13" s="22"/>
    </row>
    <row r="14" spans="1:19">
      <c r="A14" s="81"/>
      <c r="B14" s="81"/>
      <c r="C14" s="81"/>
      <c r="D14" s="81"/>
      <c r="E14" s="81"/>
      <c r="F14" s="81"/>
      <c r="G14" s="81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5"/>
  <dimension ref="A1:R14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388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3</v>
      </c>
      <c r="B3" s="76" t="s">
        <v>121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2" t="s">
        <v>15</v>
      </c>
    </row>
    <row r="5" spans="1:18">
      <c r="A5" s="73" t="s">
        <v>25</v>
      </c>
      <c r="B5" s="20">
        <v>562</v>
      </c>
      <c r="C5" s="20">
        <v>713</v>
      </c>
      <c r="D5" s="20">
        <v>720</v>
      </c>
      <c r="E5" s="20">
        <v>1</v>
      </c>
      <c r="F5" s="20">
        <v>1996</v>
      </c>
    </row>
    <row r="6" spans="1:18">
      <c r="A6" s="77"/>
      <c r="B6" s="21">
        <v>0.28199999999999997</v>
      </c>
      <c r="C6" s="21">
        <v>0.35699999999999998</v>
      </c>
      <c r="D6" s="21">
        <v>0.36099999999999999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167</v>
      </c>
      <c r="C7" s="24">
        <v>185</v>
      </c>
      <c r="D7" s="24">
        <v>198</v>
      </c>
      <c r="E7" s="24">
        <v>2</v>
      </c>
      <c r="F7" s="20">
        <v>552</v>
      </c>
      <c r="K7" s="22"/>
      <c r="L7" s="22"/>
      <c r="M7" s="22"/>
      <c r="N7" s="22"/>
      <c r="O7" s="22"/>
    </row>
    <row r="8" spans="1:18">
      <c r="A8" s="79"/>
      <c r="B8" s="21">
        <v>0.30299999999999999</v>
      </c>
      <c r="C8" s="21">
        <v>0.33500000000000002</v>
      </c>
      <c r="D8" s="21">
        <v>0.35899999999999999</v>
      </c>
      <c r="E8" s="21">
        <v>4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4">
        <v>51</v>
      </c>
      <c r="C9" s="24">
        <v>46</v>
      </c>
      <c r="D9" s="24">
        <v>68</v>
      </c>
      <c r="E9" s="24">
        <v>1</v>
      </c>
      <c r="F9" s="24">
        <v>166</v>
      </c>
      <c r="K9" s="22"/>
      <c r="L9" s="22"/>
      <c r="M9" s="22"/>
      <c r="N9" s="22"/>
      <c r="O9" s="22"/>
    </row>
    <row r="10" spans="1:18">
      <c r="A10" s="79"/>
      <c r="B10" s="21">
        <v>0.307</v>
      </c>
      <c r="C10" s="21">
        <v>0.27700000000000002</v>
      </c>
      <c r="D10" s="21">
        <v>0.41</v>
      </c>
      <c r="E10" s="21">
        <v>6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780</v>
      </c>
      <c r="C11" s="20">
        <v>944</v>
      </c>
      <c r="D11" s="20">
        <v>986</v>
      </c>
      <c r="E11" s="20">
        <v>4</v>
      </c>
      <c r="F11" s="20">
        <v>2714</v>
      </c>
    </row>
    <row r="12" spans="1:18">
      <c r="A12" s="74"/>
      <c r="B12" s="21">
        <v>0.28699999999999998</v>
      </c>
      <c r="C12" s="21">
        <v>0.34799999999999998</v>
      </c>
      <c r="D12" s="21">
        <v>0.36299999999999999</v>
      </c>
      <c r="E12" s="21">
        <v>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75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6"/>
  <dimension ref="A1:R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6" width="8.875" style="18" customWidth="1"/>
    <col min="7" max="16384" width="9" style="18"/>
  </cols>
  <sheetData>
    <row r="1" spans="1:18">
      <c r="A1" s="70" t="s">
        <v>389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307</v>
      </c>
      <c r="B3" s="76" t="s">
        <v>122</v>
      </c>
      <c r="C3" s="76"/>
      <c r="D3" s="76"/>
      <c r="E3" s="76"/>
      <c r="F3" s="76"/>
    </row>
    <row r="4" spans="1:18" ht="28.5">
      <c r="A4" s="75"/>
      <c r="B4" s="11" t="s">
        <v>43</v>
      </c>
      <c r="C4" s="11" t="s">
        <v>44</v>
      </c>
      <c r="D4" s="11" t="s">
        <v>191</v>
      </c>
      <c r="E4" s="11" t="s">
        <v>22</v>
      </c>
      <c r="F4" s="12" t="s">
        <v>15</v>
      </c>
    </row>
    <row r="5" spans="1:18">
      <c r="A5" s="73" t="s">
        <v>25</v>
      </c>
      <c r="B5" s="20">
        <v>1135</v>
      </c>
      <c r="C5" s="20">
        <v>121</v>
      </c>
      <c r="D5" s="20">
        <v>736</v>
      </c>
      <c r="E5" s="20">
        <v>4</v>
      </c>
      <c r="F5" s="20">
        <v>1996</v>
      </c>
    </row>
    <row r="6" spans="1:18">
      <c r="A6" s="77"/>
      <c r="B6" s="21">
        <v>0.56899999999999995</v>
      </c>
      <c r="C6" s="21">
        <v>6.0999999999999999E-2</v>
      </c>
      <c r="D6" s="21">
        <v>0.36899999999999999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336</v>
      </c>
      <c r="C7" s="24">
        <v>30</v>
      </c>
      <c r="D7" s="24">
        <v>181</v>
      </c>
      <c r="E7" s="24">
        <v>5</v>
      </c>
      <c r="F7" s="20">
        <v>552</v>
      </c>
      <c r="K7" s="22"/>
      <c r="L7" s="22"/>
      <c r="M7" s="22"/>
      <c r="N7" s="22"/>
      <c r="O7" s="22"/>
    </row>
    <row r="8" spans="1:18">
      <c r="A8" s="79"/>
      <c r="B8" s="21">
        <v>0.60899999999999999</v>
      </c>
      <c r="C8" s="21">
        <v>5.3999999999999999E-2</v>
      </c>
      <c r="D8" s="21">
        <v>0.32800000000000001</v>
      </c>
      <c r="E8" s="21">
        <v>8.9999999999999993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4">
        <v>87</v>
      </c>
      <c r="C9" s="24">
        <v>17</v>
      </c>
      <c r="D9" s="24">
        <v>62</v>
      </c>
      <c r="E9" s="24">
        <v>0</v>
      </c>
      <c r="F9" s="24">
        <v>166</v>
      </c>
      <c r="K9" s="22"/>
      <c r="L9" s="22"/>
      <c r="M9" s="22"/>
      <c r="N9" s="22"/>
      <c r="O9" s="22"/>
    </row>
    <row r="10" spans="1:18">
      <c r="A10" s="79"/>
      <c r="B10" s="21">
        <v>0.52400000000000002</v>
      </c>
      <c r="C10" s="21">
        <v>0.10199999999999999</v>
      </c>
      <c r="D10" s="21">
        <v>0.373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1558</v>
      </c>
      <c r="C11" s="20">
        <v>168</v>
      </c>
      <c r="D11" s="20">
        <v>979</v>
      </c>
      <c r="E11" s="20">
        <v>9</v>
      </c>
      <c r="F11" s="20">
        <v>2714</v>
      </c>
    </row>
    <row r="12" spans="1:18">
      <c r="A12" s="74"/>
      <c r="B12" s="21">
        <v>0.57399999999999995</v>
      </c>
      <c r="C12" s="21">
        <v>6.2E-2</v>
      </c>
      <c r="D12" s="21">
        <v>0.36099999999999999</v>
      </c>
      <c r="E12" s="21">
        <v>3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239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7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18" bestFit="1" customWidth="1"/>
    <col min="2" max="5" width="8.875" style="18" customWidth="1"/>
    <col min="6" max="16384" width="9" style="18"/>
  </cols>
  <sheetData>
    <row r="1" spans="1:17">
      <c r="A1" s="70" t="s">
        <v>390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55</v>
      </c>
      <c r="B3" s="76" t="s">
        <v>123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2" t="s">
        <v>15</v>
      </c>
    </row>
    <row r="5" spans="1:17">
      <c r="A5" s="73" t="s">
        <v>25</v>
      </c>
      <c r="B5" s="20">
        <v>1896</v>
      </c>
      <c r="C5" s="20">
        <v>95</v>
      </c>
      <c r="D5" s="20">
        <v>5</v>
      </c>
      <c r="E5" s="20">
        <v>1996</v>
      </c>
    </row>
    <row r="6" spans="1:17">
      <c r="A6" s="77"/>
      <c r="B6" s="21">
        <v>0.95</v>
      </c>
      <c r="C6" s="21">
        <v>4.8000000000000001E-2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525</v>
      </c>
      <c r="C7" s="24">
        <v>24</v>
      </c>
      <c r="D7" s="24">
        <v>3</v>
      </c>
      <c r="E7" s="20">
        <v>552</v>
      </c>
      <c r="J7" s="22"/>
      <c r="K7" s="22"/>
      <c r="L7" s="22"/>
      <c r="M7" s="22"/>
      <c r="N7" s="22"/>
    </row>
    <row r="8" spans="1:17">
      <c r="A8" s="79"/>
      <c r="B8" s="21">
        <v>0.95099999999999996</v>
      </c>
      <c r="C8" s="21">
        <v>4.2999999999999997E-2</v>
      </c>
      <c r="D8" s="21">
        <v>5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22</v>
      </c>
      <c r="B9" s="24">
        <v>147</v>
      </c>
      <c r="C9" s="24">
        <v>19</v>
      </c>
      <c r="D9" s="24">
        <v>0</v>
      </c>
      <c r="E9" s="24">
        <v>166</v>
      </c>
      <c r="J9" s="22"/>
      <c r="K9" s="22"/>
      <c r="L9" s="22"/>
      <c r="M9" s="22"/>
      <c r="N9" s="22"/>
    </row>
    <row r="10" spans="1:17">
      <c r="A10" s="79"/>
      <c r="B10" s="21">
        <v>0.88600000000000001</v>
      </c>
      <c r="C10" s="21">
        <v>0.114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2568</v>
      </c>
      <c r="C11" s="20">
        <v>138</v>
      </c>
      <c r="D11" s="20">
        <v>8</v>
      </c>
      <c r="E11" s="20">
        <v>2714</v>
      </c>
    </row>
    <row r="12" spans="1:17">
      <c r="A12" s="74"/>
      <c r="B12" s="21">
        <v>0.94599999999999995</v>
      </c>
      <c r="C12" s="21">
        <v>5.0999999999999997E-2</v>
      </c>
      <c r="D12" s="21">
        <v>3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80" t="s">
        <v>192</v>
      </c>
      <c r="B13" s="98"/>
      <c r="C13" s="98"/>
      <c r="D13" s="98"/>
      <c r="E13" s="98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A1:S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9" style="18" customWidth="1"/>
    <col min="7" max="16384" width="9" style="18"/>
  </cols>
  <sheetData>
    <row r="1" spans="1:19">
      <c r="A1" s="70" t="s">
        <v>68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75" t="s">
        <v>6</v>
      </c>
      <c r="B3" s="76" t="s">
        <v>67</v>
      </c>
      <c r="C3" s="76"/>
      <c r="D3" s="76"/>
      <c r="E3" s="76"/>
      <c r="F3" s="76"/>
      <c r="G3" s="76"/>
    </row>
    <row r="4" spans="1:19" ht="57">
      <c r="A4" s="75"/>
      <c r="B4" s="11" t="s">
        <v>69</v>
      </c>
      <c r="C4" s="11" t="s">
        <v>53</v>
      </c>
      <c r="D4" s="11" t="s">
        <v>54</v>
      </c>
      <c r="E4" s="11" t="s">
        <v>70</v>
      </c>
      <c r="F4" s="11" t="s">
        <v>22</v>
      </c>
      <c r="G4" s="11" t="s">
        <v>15</v>
      </c>
    </row>
    <row r="5" spans="1:19">
      <c r="A5" s="73" t="s">
        <v>7</v>
      </c>
      <c r="B5" s="20">
        <v>1018</v>
      </c>
      <c r="C5" s="20">
        <v>232</v>
      </c>
      <c r="D5" s="20">
        <v>160</v>
      </c>
      <c r="E5" s="20">
        <v>1104</v>
      </c>
      <c r="F5" s="20">
        <v>3</v>
      </c>
      <c r="G5" s="20">
        <v>2517</v>
      </c>
    </row>
    <row r="6" spans="1:19">
      <c r="A6" s="77"/>
      <c r="B6" s="21">
        <v>0.40400000000000003</v>
      </c>
      <c r="C6" s="21">
        <v>9.1999999999999998E-2</v>
      </c>
      <c r="D6" s="21">
        <v>6.4000000000000001E-2</v>
      </c>
      <c r="E6" s="21">
        <v>0.439</v>
      </c>
      <c r="F6" s="21">
        <v>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3" t="s">
        <v>8</v>
      </c>
      <c r="B7" s="24">
        <v>222</v>
      </c>
      <c r="C7" s="24">
        <v>53</v>
      </c>
      <c r="D7" s="24">
        <v>29</v>
      </c>
      <c r="E7" s="24">
        <v>224</v>
      </c>
      <c r="F7" s="24">
        <v>1</v>
      </c>
      <c r="G7" s="20">
        <v>529</v>
      </c>
      <c r="L7" s="22"/>
      <c r="M7" s="22"/>
      <c r="N7" s="22"/>
      <c r="O7" s="22"/>
      <c r="P7" s="22"/>
    </row>
    <row r="8" spans="1:19">
      <c r="A8" s="74"/>
      <c r="B8" s="21">
        <v>0.42</v>
      </c>
      <c r="C8" s="21">
        <v>0.1</v>
      </c>
      <c r="D8" s="21">
        <v>5.5E-2</v>
      </c>
      <c r="E8" s="21">
        <v>0.42299999999999999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3" t="s">
        <v>9</v>
      </c>
      <c r="B9" s="24">
        <v>364</v>
      </c>
      <c r="C9" s="24">
        <v>81</v>
      </c>
      <c r="D9" s="24">
        <v>52</v>
      </c>
      <c r="E9" s="24">
        <v>415</v>
      </c>
      <c r="F9" s="24">
        <v>4</v>
      </c>
      <c r="G9" s="24">
        <v>916</v>
      </c>
      <c r="L9" s="22"/>
      <c r="M9" s="22"/>
      <c r="N9" s="22"/>
      <c r="O9" s="22"/>
      <c r="P9" s="22"/>
    </row>
    <row r="10" spans="1:19">
      <c r="A10" s="74"/>
      <c r="B10" s="21">
        <v>0.39700000000000002</v>
      </c>
      <c r="C10" s="21">
        <v>8.7999999999999995E-2</v>
      </c>
      <c r="D10" s="21">
        <v>5.7000000000000002E-2</v>
      </c>
      <c r="E10" s="21">
        <v>0.45300000000000001</v>
      </c>
      <c r="F10" s="21">
        <v>4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10</v>
      </c>
      <c r="B11" s="24">
        <v>135</v>
      </c>
      <c r="C11" s="24">
        <v>18</v>
      </c>
      <c r="D11" s="24">
        <v>14</v>
      </c>
      <c r="E11" s="24">
        <v>100</v>
      </c>
      <c r="F11" s="24">
        <v>0</v>
      </c>
      <c r="G11" s="24">
        <v>267</v>
      </c>
      <c r="L11" s="22"/>
      <c r="M11" s="22"/>
      <c r="N11" s="22"/>
      <c r="O11" s="22"/>
      <c r="P11" s="22"/>
    </row>
    <row r="12" spans="1:19">
      <c r="A12" s="79"/>
      <c r="B12" s="21">
        <v>0.50600000000000001</v>
      </c>
      <c r="C12" s="21">
        <v>6.7000000000000004E-2</v>
      </c>
      <c r="D12" s="21">
        <v>5.1999999999999998E-2</v>
      </c>
      <c r="E12" s="21">
        <v>0.375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3" t="s">
        <v>11</v>
      </c>
      <c r="B13" s="24">
        <v>90</v>
      </c>
      <c r="C13" s="24">
        <v>27</v>
      </c>
      <c r="D13" s="24">
        <v>18</v>
      </c>
      <c r="E13" s="24">
        <v>102</v>
      </c>
      <c r="F13" s="24">
        <v>0</v>
      </c>
      <c r="G13" s="24">
        <v>237</v>
      </c>
      <c r="L13" s="22"/>
      <c r="M13" s="22"/>
      <c r="N13" s="22"/>
      <c r="O13" s="22"/>
      <c r="P13" s="22"/>
    </row>
    <row r="14" spans="1:19">
      <c r="A14" s="74"/>
      <c r="B14" s="21">
        <v>0.38</v>
      </c>
      <c r="C14" s="21">
        <v>0.114</v>
      </c>
      <c r="D14" s="21">
        <v>7.5999999999999998E-2</v>
      </c>
      <c r="E14" s="21">
        <v>0.43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73" t="s">
        <v>12</v>
      </c>
      <c r="B15" s="24">
        <v>83</v>
      </c>
      <c r="C15" s="24">
        <v>21</v>
      </c>
      <c r="D15" s="24">
        <v>15</v>
      </c>
      <c r="E15" s="24">
        <v>112</v>
      </c>
      <c r="F15" s="24">
        <v>0</v>
      </c>
      <c r="G15" s="24">
        <v>231</v>
      </c>
      <c r="L15" s="22"/>
      <c r="M15" s="22"/>
      <c r="N15" s="22"/>
      <c r="O15" s="22"/>
      <c r="P15" s="22"/>
    </row>
    <row r="16" spans="1:19">
      <c r="A16" s="74"/>
      <c r="B16" s="21">
        <v>0.35899999999999999</v>
      </c>
      <c r="C16" s="21">
        <v>9.0999999999999998E-2</v>
      </c>
      <c r="D16" s="21">
        <v>6.5000000000000002E-2</v>
      </c>
      <c r="E16" s="21">
        <v>0.48499999999999999</v>
      </c>
      <c r="F16" s="21">
        <v>0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9" s="23" customFormat="1">
      <c r="A17" s="73" t="s">
        <v>13</v>
      </c>
      <c r="B17" s="20">
        <v>418</v>
      </c>
      <c r="C17" s="20">
        <v>102</v>
      </c>
      <c r="D17" s="20">
        <v>66</v>
      </c>
      <c r="E17" s="20">
        <v>559</v>
      </c>
      <c r="F17" s="20">
        <v>1</v>
      </c>
      <c r="G17" s="20">
        <v>1146</v>
      </c>
    </row>
    <row r="18" spans="1:19">
      <c r="A18" s="74"/>
      <c r="B18" s="21">
        <v>0.36499999999999999</v>
      </c>
      <c r="C18" s="21">
        <v>8.8999999999999996E-2</v>
      </c>
      <c r="D18" s="21">
        <v>5.8000000000000003E-2</v>
      </c>
      <c r="E18" s="21">
        <v>0.48799999999999999</v>
      </c>
      <c r="F18" s="21">
        <v>1E-3</v>
      </c>
      <c r="G18" s="21">
        <v>1</v>
      </c>
      <c r="L18" s="22"/>
      <c r="M18" s="22"/>
      <c r="N18" s="22"/>
      <c r="O18" s="22"/>
      <c r="P18" s="22"/>
      <c r="Q18" s="22"/>
      <c r="R18" s="22"/>
      <c r="S18" s="22"/>
    </row>
    <row r="19" spans="1:19">
      <c r="A19" s="73" t="s">
        <v>14</v>
      </c>
      <c r="B19" s="24">
        <v>59</v>
      </c>
      <c r="C19" s="24">
        <v>20</v>
      </c>
      <c r="D19" s="24">
        <v>8</v>
      </c>
      <c r="E19" s="24">
        <v>91</v>
      </c>
      <c r="F19" s="24">
        <v>1</v>
      </c>
      <c r="G19" s="24">
        <v>179</v>
      </c>
      <c r="L19" s="22"/>
      <c r="M19" s="22"/>
      <c r="N19" s="22"/>
      <c r="O19" s="22"/>
      <c r="P19" s="22"/>
    </row>
    <row r="20" spans="1:19">
      <c r="A20" s="74"/>
      <c r="B20" s="21">
        <v>0.33</v>
      </c>
      <c r="C20" s="21">
        <v>0.112</v>
      </c>
      <c r="D20" s="21">
        <v>4.4999999999999998E-2</v>
      </c>
      <c r="E20" s="21">
        <v>0.50800000000000001</v>
      </c>
      <c r="F20" s="21">
        <v>6.0000000000000001E-3</v>
      </c>
      <c r="G20" s="21">
        <v>1</v>
      </c>
      <c r="L20" s="22"/>
      <c r="M20" s="22"/>
      <c r="N20" s="22"/>
      <c r="O20" s="22"/>
      <c r="P20" s="22"/>
      <c r="Q20" s="22"/>
      <c r="R20" s="22"/>
      <c r="S20" s="22"/>
    </row>
    <row r="21" spans="1:19">
      <c r="A21" s="72" t="s">
        <v>22</v>
      </c>
      <c r="B21" s="34">
        <v>15</v>
      </c>
      <c r="C21" s="34">
        <v>8</v>
      </c>
      <c r="D21" s="34">
        <v>6</v>
      </c>
      <c r="E21" s="34">
        <v>17</v>
      </c>
      <c r="F21" s="34">
        <v>2</v>
      </c>
      <c r="G21" s="34">
        <v>48</v>
      </c>
      <c r="L21" s="22"/>
      <c r="M21" s="22"/>
      <c r="N21" s="22"/>
      <c r="O21" s="22"/>
      <c r="P21" s="22"/>
    </row>
    <row r="22" spans="1:19" s="26" customFormat="1">
      <c r="A22" s="72"/>
      <c r="B22" s="33">
        <v>0.313</v>
      </c>
      <c r="C22" s="33">
        <v>0.16700000000000001</v>
      </c>
      <c r="D22" s="33">
        <v>0.125</v>
      </c>
      <c r="E22" s="33">
        <v>0.35399999999999998</v>
      </c>
      <c r="F22" s="33">
        <v>4.2000000000000003E-2</v>
      </c>
      <c r="G22" s="33">
        <v>1</v>
      </c>
    </row>
    <row r="23" spans="1:19" s="23" customFormat="1">
      <c r="A23" s="73" t="s">
        <v>15</v>
      </c>
      <c r="B23" s="20">
        <v>2404</v>
      </c>
      <c r="C23" s="20">
        <v>562</v>
      </c>
      <c r="D23" s="20">
        <v>368</v>
      </c>
      <c r="E23" s="20">
        <v>2724</v>
      </c>
      <c r="F23" s="20">
        <v>12</v>
      </c>
      <c r="G23" s="20">
        <v>6070</v>
      </c>
    </row>
    <row r="24" spans="1:19">
      <c r="A24" s="74"/>
      <c r="B24" s="21">
        <v>0.39600000000000002</v>
      </c>
      <c r="C24" s="21">
        <v>9.2999999999999999E-2</v>
      </c>
      <c r="D24" s="21">
        <v>6.0999999999999999E-2</v>
      </c>
      <c r="E24" s="21">
        <v>0.44900000000000001</v>
      </c>
      <c r="F24" s="21">
        <v>2E-3</v>
      </c>
      <c r="G24" s="21">
        <v>1</v>
      </c>
      <c r="L24" s="22"/>
      <c r="M24" s="22"/>
      <c r="N24" s="22"/>
      <c r="O24" s="22"/>
      <c r="P24" s="22"/>
      <c r="Q24" s="22"/>
      <c r="R24" s="22"/>
      <c r="S24" s="22"/>
    </row>
    <row r="25" spans="1:19" ht="14.25" customHeight="1">
      <c r="A25" s="71" t="s">
        <v>71</v>
      </c>
      <c r="B25" s="71"/>
      <c r="C25" s="71"/>
      <c r="D25" s="71"/>
      <c r="E25" s="71"/>
      <c r="F25" s="71"/>
      <c r="G25" s="71"/>
      <c r="L25" s="22"/>
      <c r="M25" s="22"/>
      <c r="N25" s="22"/>
      <c r="O25" s="22"/>
      <c r="P25" s="22"/>
    </row>
    <row r="26" spans="1:19">
      <c r="A26" s="81"/>
      <c r="B26" s="81"/>
      <c r="C26" s="81"/>
      <c r="D26" s="81"/>
      <c r="E26" s="81"/>
      <c r="F26" s="81"/>
      <c r="G26" s="81"/>
    </row>
  </sheetData>
  <mergeCells count="14">
    <mergeCell ref="A25:G26"/>
    <mergeCell ref="A9:A10"/>
    <mergeCell ref="A1:G1"/>
    <mergeCell ref="A3:A4"/>
    <mergeCell ref="B3:G3"/>
    <mergeCell ref="A5:A6"/>
    <mergeCell ref="A7:A8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2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.625" style="18" customWidth="1"/>
    <col min="8" max="9" width="9" style="18"/>
    <col min="10" max="10" width="9" style="18" customWidth="1"/>
    <col min="11" max="16384" width="9" style="18"/>
  </cols>
  <sheetData>
    <row r="1" spans="1:18">
      <c r="A1" s="18" t="s">
        <v>391</v>
      </c>
    </row>
    <row r="2" spans="1:18">
      <c r="A2" s="121" t="s">
        <v>613</v>
      </c>
      <c r="B2" s="28"/>
      <c r="C2" s="28"/>
      <c r="D2" s="28"/>
      <c r="E2" s="28"/>
      <c r="F2" s="28"/>
      <c r="G2" s="28"/>
    </row>
    <row r="3" spans="1:18" ht="59.25" customHeight="1">
      <c r="A3" s="84" t="s">
        <v>309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8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8">
      <c r="A5" s="75" t="s">
        <v>25</v>
      </c>
      <c r="B5" s="20">
        <v>473</v>
      </c>
      <c r="C5" s="20">
        <v>1423</v>
      </c>
      <c r="D5" s="20">
        <v>1086</v>
      </c>
      <c r="E5" s="20">
        <v>810</v>
      </c>
      <c r="F5" s="20">
        <v>258</v>
      </c>
      <c r="G5" s="20">
        <v>1638</v>
      </c>
    </row>
    <row r="6" spans="1:18">
      <c r="A6" s="75"/>
      <c r="B6" s="21">
        <v>0.249</v>
      </c>
      <c r="C6" s="21">
        <v>0.751</v>
      </c>
      <c r="D6" s="21">
        <v>0.57299999999999995</v>
      </c>
      <c r="E6" s="21">
        <v>0.42699999999999999</v>
      </c>
      <c r="F6" s="21">
        <v>0.13600000000000001</v>
      </c>
      <c r="G6" s="21">
        <v>0.86399999999999999</v>
      </c>
    </row>
    <row r="7" spans="1:18" s="23" customFormat="1">
      <c r="A7" s="75" t="s">
        <v>145</v>
      </c>
      <c r="B7" s="20">
        <v>139</v>
      </c>
      <c r="C7" s="20">
        <v>386</v>
      </c>
      <c r="D7" s="20">
        <v>297</v>
      </c>
      <c r="E7" s="20">
        <v>228</v>
      </c>
      <c r="F7" s="20">
        <v>85</v>
      </c>
      <c r="G7" s="20">
        <v>440</v>
      </c>
    </row>
    <row r="8" spans="1:18">
      <c r="A8" s="83"/>
      <c r="B8" s="21">
        <v>0.26500000000000001</v>
      </c>
      <c r="C8" s="21">
        <v>0.73499999999999999</v>
      </c>
      <c r="D8" s="21">
        <v>0.56599999999999995</v>
      </c>
      <c r="E8" s="21">
        <v>0.434</v>
      </c>
      <c r="F8" s="21">
        <v>0.16200000000000001</v>
      </c>
      <c r="G8" s="21">
        <v>0.83799999999999997</v>
      </c>
    </row>
    <row r="9" spans="1:18">
      <c r="A9" s="75" t="s">
        <v>22</v>
      </c>
      <c r="B9" s="24">
        <v>30</v>
      </c>
      <c r="C9" s="24">
        <v>117</v>
      </c>
      <c r="D9" s="24">
        <v>89</v>
      </c>
      <c r="E9" s="24">
        <v>58</v>
      </c>
      <c r="F9" s="24">
        <v>24</v>
      </c>
      <c r="G9" s="24">
        <v>123</v>
      </c>
      <c r="L9" s="22"/>
      <c r="M9" s="22"/>
      <c r="N9" s="22"/>
      <c r="O9" s="22"/>
      <c r="P9" s="22"/>
      <c r="Q9" s="22"/>
      <c r="R9" s="22"/>
    </row>
    <row r="10" spans="1:18">
      <c r="A10" s="83"/>
      <c r="B10" s="21">
        <v>0.20399999999999999</v>
      </c>
      <c r="C10" s="21">
        <v>0.79600000000000004</v>
      </c>
      <c r="D10" s="21">
        <v>0.60499999999999998</v>
      </c>
      <c r="E10" s="21">
        <v>0.39500000000000002</v>
      </c>
      <c r="F10" s="21">
        <v>0.16300000000000001</v>
      </c>
      <c r="G10" s="21">
        <v>0.83699999999999997</v>
      </c>
    </row>
    <row r="11" spans="1:18" s="23" customFormat="1">
      <c r="A11" s="75" t="s">
        <v>15</v>
      </c>
      <c r="B11" s="20">
        <v>642</v>
      </c>
      <c r="C11" s="20">
        <v>1926</v>
      </c>
      <c r="D11" s="20">
        <v>1472</v>
      </c>
      <c r="E11" s="20">
        <v>1096</v>
      </c>
      <c r="F11" s="20">
        <v>367</v>
      </c>
      <c r="G11" s="20">
        <v>2201</v>
      </c>
    </row>
    <row r="12" spans="1:18">
      <c r="A12" s="83"/>
      <c r="B12" s="21">
        <v>0.25</v>
      </c>
      <c r="C12" s="21">
        <v>0.75</v>
      </c>
      <c r="D12" s="21">
        <v>0.57299999999999995</v>
      </c>
      <c r="E12" s="21">
        <v>0.42699999999999999</v>
      </c>
      <c r="F12" s="21">
        <v>0.14299999999999999</v>
      </c>
      <c r="G12" s="21">
        <v>0.85699999999999998</v>
      </c>
    </row>
    <row r="13" spans="1:18">
      <c r="A13" s="25"/>
      <c r="B13" s="25"/>
      <c r="C13" s="25"/>
    </row>
    <row r="14" spans="1:18" ht="30.6" customHeight="1">
      <c r="A14" s="84" t="s">
        <v>309</v>
      </c>
      <c r="B14" s="82" t="s">
        <v>160</v>
      </c>
      <c r="C14" s="82"/>
      <c r="D14" s="82" t="s">
        <v>161</v>
      </c>
      <c r="E14" s="82"/>
      <c r="F14" s="82" t="s">
        <v>162</v>
      </c>
      <c r="G14" s="82"/>
    </row>
    <row r="15" spans="1:18">
      <c r="A15" s="84"/>
      <c r="B15" s="11" t="s">
        <v>180</v>
      </c>
      <c r="C15" s="11" t="s">
        <v>181</v>
      </c>
      <c r="D15" s="11" t="s">
        <v>180</v>
      </c>
      <c r="E15" s="11" t="s">
        <v>181</v>
      </c>
      <c r="F15" s="11" t="s">
        <v>180</v>
      </c>
      <c r="G15" s="11" t="s">
        <v>181</v>
      </c>
    </row>
    <row r="16" spans="1:18">
      <c r="A16" s="75" t="s">
        <v>25</v>
      </c>
      <c r="B16" s="20">
        <v>458</v>
      </c>
      <c r="C16" s="20">
        <v>1438</v>
      </c>
      <c r="D16" s="20">
        <v>37</v>
      </c>
      <c r="E16" s="20">
        <v>1859</v>
      </c>
      <c r="F16" s="20">
        <v>125</v>
      </c>
      <c r="G16" s="20">
        <v>1771</v>
      </c>
    </row>
    <row r="17" spans="1:7">
      <c r="A17" s="75"/>
      <c r="B17" s="21">
        <v>0.24199999999999999</v>
      </c>
      <c r="C17" s="21">
        <v>0.75800000000000001</v>
      </c>
      <c r="D17" s="21">
        <v>0.02</v>
      </c>
      <c r="E17" s="21">
        <v>0.98</v>
      </c>
      <c r="F17" s="21">
        <v>6.6000000000000003E-2</v>
      </c>
      <c r="G17" s="21">
        <v>0.93400000000000005</v>
      </c>
    </row>
    <row r="18" spans="1:7">
      <c r="A18" s="75" t="s">
        <v>145</v>
      </c>
      <c r="B18" s="20">
        <v>126</v>
      </c>
      <c r="C18" s="20">
        <v>399</v>
      </c>
      <c r="D18" s="20">
        <v>5</v>
      </c>
      <c r="E18" s="20">
        <v>520</v>
      </c>
      <c r="F18" s="20">
        <v>36</v>
      </c>
      <c r="G18" s="20">
        <v>489</v>
      </c>
    </row>
    <row r="19" spans="1:7">
      <c r="A19" s="83"/>
      <c r="B19" s="21">
        <v>0.24</v>
      </c>
      <c r="C19" s="21">
        <v>0.76</v>
      </c>
      <c r="D19" s="21">
        <v>0.01</v>
      </c>
      <c r="E19" s="21">
        <v>0.99</v>
      </c>
      <c r="F19" s="21">
        <v>6.9000000000000006E-2</v>
      </c>
      <c r="G19" s="21">
        <v>0.93100000000000005</v>
      </c>
    </row>
    <row r="20" spans="1:7">
      <c r="A20" s="75" t="s">
        <v>22</v>
      </c>
      <c r="B20" s="24">
        <v>23</v>
      </c>
      <c r="C20" s="24">
        <v>124</v>
      </c>
      <c r="D20" s="24">
        <v>5</v>
      </c>
      <c r="E20" s="24">
        <v>142</v>
      </c>
      <c r="F20" s="24">
        <v>6</v>
      </c>
      <c r="G20" s="24">
        <v>141</v>
      </c>
    </row>
    <row r="21" spans="1:7">
      <c r="A21" s="83"/>
      <c r="B21" s="21">
        <v>0.156</v>
      </c>
      <c r="C21" s="21">
        <v>0.84399999999999997</v>
      </c>
      <c r="D21" s="21">
        <v>3.4000000000000002E-2</v>
      </c>
      <c r="E21" s="21">
        <v>0.96599999999999997</v>
      </c>
      <c r="F21" s="21">
        <v>4.1000000000000002E-2</v>
      </c>
      <c r="G21" s="21">
        <v>0.95899999999999996</v>
      </c>
    </row>
    <row r="22" spans="1:7">
      <c r="A22" s="75" t="s">
        <v>15</v>
      </c>
      <c r="B22" s="20">
        <v>607</v>
      </c>
      <c r="C22" s="20">
        <v>1961</v>
      </c>
      <c r="D22" s="20">
        <v>47</v>
      </c>
      <c r="E22" s="20">
        <v>2521</v>
      </c>
      <c r="F22" s="20">
        <v>167</v>
      </c>
      <c r="G22" s="20">
        <v>2401</v>
      </c>
    </row>
    <row r="23" spans="1:7">
      <c r="A23" s="83"/>
      <c r="B23" s="21">
        <v>0.23599999999999999</v>
      </c>
      <c r="C23" s="21">
        <v>0.76400000000000001</v>
      </c>
      <c r="D23" s="21">
        <v>1.7999999999999999E-2</v>
      </c>
      <c r="E23" s="21">
        <v>0.98199999999999998</v>
      </c>
      <c r="F23" s="21">
        <v>6.5000000000000002E-2</v>
      </c>
      <c r="G23" s="21">
        <v>0.93500000000000005</v>
      </c>
    </row>
    <row r="24" spans="1:7">
      <c r="A24" s="71" t="s">
        <v>310</v>
      </c>
      <c r="B24" s="71"/>
      <c r="C24" s="71"/>
      <c r="D24" s="71"/>
      <c r="E24" s="71"/>
      <c r="F24" s="71"/>
      <c r="G24" s="71"/>
    </row>
    <row r="25" spans="1:7">
      <c r="A25" s="81"/>
      <c r="B25" s="81"/>
      <c r="C25" s="81"/>
      <c r="D25" s="81"/>
      <c r="E25" s="81"/>
      <c r="F25" s="81"/>
      <c r="G25" s="81"/>
    </row>
  </sheetData>
  <mergeCells count="17">
    <mergeCell ref="A16:A17"/>
    <mergeCell ref="A18:A19"/>
    <mergeCell ref="A20:A21"/>
    <mergeCell ref="A22:A23"/>
    <mergeCell ref="A24:G25"/>
    <mergeCell ref="A3:A4"/>
    <mergeCell ref="B3:C3"/>
    <mergeCell ref="D3:E3"/>
    <mergeCell ref="F3:G3"/>
    <mergeCell ref="B14:C14"/>
    <mergeCell ref="F14:G14"/>
    <mergeCell ref="A11:A12"/>
    <mergeCell ref="D14:E14"/>
    <mergeCell ref="A5:A6"/>
    <mergeCell ref="A7:A8"/>
    <mergeCell ref="A9:A10"/>
    <mergeCell ref="A14:A15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3"/>
  <dimension ref="A1:G27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9" style="18" customWidth="1"/>
    <col min="4" max="16384" width="9" style="18"/>
  </cols>
  <sheetData>
    <row r="1" spans="1:7">
      <c r="A1" s="18" t="s">
        <v>392</v>
      </c>
    </row>
    <row r="2" spans="1:7">
      <c r="A2" s="121" t="s">
        <v>613</v>
      </c>
      <c r="C2" s="28"/>
    </row>
    <row r="3" spans="1:7" ht="45.75" customHeight="1">
      <c r="A3" s="84" t="s">
        <v>309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7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7">
      <c r="A5" s="75" t="s">
        <v>25</v>
      </c>
      <c r="B5" s="20">
        <v>403</v>
      </c>
      <c r="C5" s="20">
        <v>1493</v>
      </c>
      <c r="D5" s="20">
        <v>69</v>
      </c>
      <c r="E5" s="20">
        <v>1827</v>
      </c>
      <c r="F5" s="20">
        <v>309</v>
      </c>
      <c r="G5" s="20">
        <v>1587</v>
      </c>
    </row>
    <row r="6" spans="1:7">
      <c r="A6" s="75"/>
      <c r="B6" s="21">
        <v>0.21299999999999999</v>
      </c>
      <c r="C6" s="21">
        <v>0.78700000000000003</v>
      </c>
      <c r="D6" s="21">
        <v>3.5999999999999997E-2</v>
      </c>
      <c r="E6" s="21">
        <v>0.96399999999999997</v>
      </c>
      <c r="F6" s="21">
        <v>0.16300000000000001</v>
      </c>
      <c r="G6" s="21">
        <v>0.83699999999999997</v>
      </c>
    </row>
    <row r="7" spans="1:7">
      <c r="A7" s="75" t="s">
        <v>145</v>
      </c>
      <c r="B7" s="20">
        <v>131</v>
      </c>
      <c r="C7" s="20">
        <v>394</v>
      </c>
      <c r="D7" s="20">
        <v>20</v>
      </c>
      <c r="E7" s="20">
        <v>505</v>
      </c>
      <c r="F7" s="20">
        <v>82</v>
      </c>
      <c r="G7" s="20">
        <v>443</v>
      </c>
    </row>
    <row r="8" spans="1:7">
      <c r="A8" s="83"/>
      <c r="B8" s="21">
        <v>0.25</v>
      </c>
      <c r="C8" s="21">
        <v>0.75</v>
      </c>
      <c r="D8" s="21">
        <v>3.7999999999999999E-2</v>
      </c>
      <c r="E8" s="21">
        <v>0.96199999999999997</v>
      </c>
      <c r="F8" s="21">
        <v>0.156</v>
      </c>
      <c r="G8" s="21">
        <v>0.84399999999999997</v>
      </c>
    </row>
    <row r="9" spans="1:7">
      <c r="A9" s="75" t="s">
        <v>22</v>
      </c>
      <c r="B9" s="24">
        <v>49</v>
      </c>
      <c r="C9" s="24">
        <v>98</v>
      </c>
      <c r="D9" s="24">
        <v>12</v>
      </c>
      <c r="E9" s="24">
        <v>135</v>
      </c>
      <c r="F9" s="24">
        <v>20</v>
      </c>
      <c r="G9" s="24">
        <v>127</v>
      </c>
    </row>
    <row r="10" spans="1:7">
      <c r="A10" s="83"/>
      <c r="B10" s="21">
        <v>0.33300000000000002</v>
      </c>
      <c r="C10" s="21">
        <v>0.66700000000000004</v>
      </c>
      <c r="D10" s="21">
        <v>8.2000000000000003E-2</v>
      </c>
      <c r="E10" s="21">
        <v>0.91800000000000004</v>
      </c>
      <c r="F10" s="21">
        <v>0.13600000000000001</v>
      </c>
      <c r="G10" s="21">
        <v>0.86399999999999999</v>
      </c>
    </row>
    <row r="11" spans="1:7">
      <c r="A11" s="75" t="s">
        <v>15</v>
      </c>
      <c r="B11" s="20">
        <v>583</v>
      </c>
      <c r="C11" s="20">
        <v>1985</v>
      </c>
      <c r="D11" s="20">
        <v>101</v>
      </c>
      <c r="E11" s="20">
        <v>2467</v>
      </c>
      <c r="F11" s="20">
        <v>411</v>
      </c>
      <c r="G11" s="20">
        <v>2157</v>
      </c>
    </row>
    <row r="12" spans="1:7">
      <c r="A12" s="83"/>
      <c r="B12" s="21">
        <v>0.22700000000000001</v>
      </c>
      <c r="C12" s="21">
        <v>0.77300000000000002</v>
      </c>
      <c r="D12" s="21">
        <v>3.9E-2</v>
      </c>
      <c r="E12" s="21">
        <v>0.96099999999999997</v>
      </c>
      <c r="F12" s="21">
        <v>0.16</v>
      </c>
      <c r="G12" s="21">
        <v>0.84</v>
      </c>
    </row>
    <row r="13" spans="1:7">
      <c r="A13" s="28"/>
      <c r="C13" s="28"/>
    </row>
    <row r="14" spans="1:7" ht="31.15" customHeight="1">
      <c r="A14" s="84" t="s">
        <v>309</v>
      </c>
      <c r="B14" s="82" t="s">
        <v>166</v>
      </c>
      <c r="C14" s="82"/>
    </row>
    <row r="15" spans="1:7">
      <c r="A15" s="84"/>
      <c r="B15" s="11" t="s">
        <v>180</v>
      </c>
      <c r="C15" s="11" t="s">
        <v>181</v>
      </c>
    </row>
    <row r="16" spans="1:7">
      <c r="A16" s="75" t="s">
        <v>25</v>
      </c>
      <c r="B16" s="20">
        <v>48</v>
      </c>
      <c r="C16" s="20">
        <v>1848</v>
      </c>
    </row>
    <row r="17" spans="1:3">
      <c r="A17" s="75"/>
      <c r="B17" s="21">
        <v>2.5000000000000001E-2</v>
      </c>
      <c r="C17" s="21">
        <v>0.97499999999999998</v>
      </c>
    </row>
    <row r="18" spans="1:3" s="23" customFormat="1">
      <c r="A18" s="75" t="s">
        <v>145</v>
      </c>
      <c r="B18" s="20">
        <v>12</v>
      </c>
      <c r="C18" s="20">
        <v>513</v>
      </c>
    </row>
    <row r="19" spans="1:3">
      <c r="A19" s="83"/>
      <c r="B19" s="21">
        <v>2.3E-2</v>
      </c>
      <c r="C19" s="21">
        <v>0.97699999999999998</v>
      </c>
    </row>
    <row r="20" spans="1:3">
      <c r="A20" s="75" t="s">
        <v>22</v>
      </c>
      <c r="B20" s="24">
        <v>1</v>
      </c>
      <c r="C20" s="24">
        <v>146</v>
      </c>
    </row>
    <row r="21" spans="1:3">
      <c r="A21" s="83"/>
      <c r="B21" s="21">
        <v>7.0000000000000001E-3</v>
      </c>
      <c r="C21" s="21">
        <v>0.99299999999999999</v>
      </c>
    </row>
    <row r="22" spans="1:3" s="23" customFormat="1" ht="13.9" customHeight="1">
      <c r="A22" s="75" t="s">
        <v>15</v>
      </c>
      <c r="B22" s="20">
        <v>61</v>
      </c>
      <c r="C22" s="20">
        <v>2507</v>
      </c>
    </row>
    <row r="23" spans="1:3">
      <c r="A23" s="83"/>
      <c r="B23" s="21">
        <v>2.4E-2</v>
      </c>
      <c r="C23" s="21">
        <v>0.97599999999999998</v>
      </c>
    </row>
    <row r="24" spans="1:3">
      <c r="A24" s="71" t="s">
        <v>310</v>
      </c>
      <c r="B24" s="71"/>
      <c r="C24" s="71"/>
    </row>
    <row r="25" spans="1:3">
      <c r="A25" s="81"/>
      <c r="B25" s="81"/>
      <c r="C25" s="81"/>
    </row>
    <row r="26" spans="1:3">
      <c r="A26" s="81"/>
      <c r="B26" s="81"/>
      <c r="C26" s="81"/>
    </row>
    <row r="27" spans="1:3">
      <c r="A27" s="81"/>
      <c r="B27" s="81"/>
      <c r="C27" s="81"/>
    </row>
  </sheetData>
  <mergeCells count="15">
    <mergeCell ref="A11:A12"/>
    <mergeCell ref="A3:A4"/>
    <mergeCell ref="B3:C3"/>
    <mergeCell ref="A24:C27"/>
    <mergeCell ref="A22:A23"/>
    <mergeCell ref="B14:C14"/>
    <mergeCell ref="A16:A17"/>
    <mergeCell ref="A18:A19"/>
    <mergeCell ref="A20:A21"/>
    <mergeCell ref="A14:A15"/>
    <mergeCell ref="D3:E3"/>
    <mergeCell ref="F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9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18" bestFit="1" customWidth="1"/>
    <col min="2" max="2" width="11.625" style="18" bestFit="1" customWidth="1"/>
    <col min="3" max="3" width="13.875" style="18" bestFit="1" customWidth="1"/>
    <col min="4" max="5" width="8.875" style="18" customWidth="1"/>
    <col min="6" max="16384" width="9" style="18"/>
  </cols>
  <sheetData>
    <row r="1" spans="1:17">
      <c r="A1" s="70" t="s">
        <v>393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55</v>
      </c>
      <c r="B3" s="76" t="s">
        <v>124</v>
      </c>
      <c r="C3" s="76"/>
      <c r="D3" s="76"/>
      <c r="E3" s="76"/>
    </row>
    <row r="4" spans="1:17">
      <c r="A4" s="75"/>
      <c r="B4" s="12" t="s">
        <v>86</v>
      </c>
      <c r="C4" s="12" t="s">
        <v>87</v>
      </c>
      <c r="D4" s="12" t="s">
        <v>22</v>
      </c>
      <c r="E4" s="12" t="s">
        <v>15</v>
      </c>
    </row>
    <row r="5" spans="1:17">
      <c r="A5" s="73" t="s">
        <v>25</v>
      </c>
      <c r="B5" s="20">
        <v>1377</v>
      </c>
      <c r="C5" s="20">
        <v>613</v>
      </c>
      <c r="D5" s="20">
        <v>6</v>
      </c>
      <c r="E5" s="20">
        <v>1996</v>
      </c>
    </row>
    <row r="6" spans="1:17">
      <c r="A6" s="77"/>
      <c r="B6" s="21">
        <v>0.69</v>
      </c>
      <c r="C6" s="21">
        <v>0.307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396</v>
      </c>
      <c r="C7" s="24">
        <v>153</v>
      </c>
      <c r="D7" s="24">
        <v>3</v>
      </c>
      <c r="E7" s="20">
        <v>552</v>
      </c>
      <c r="J7" s="22"/>
      <c r="K7" s="22"/>
      <c r="L7" s="22"/>
      <c r="M7" s="22"/>
      <c r="N7" s="22"/>
    </row>
    <row r="8" spans="1:17">
      <c r="A8" s="79"/>
      <c r="B8" s="21">
        <v>0.71699999999999997</v>
      </c>
      <c r="C8" s="21">
        <v>0.27700000000000002</v>
      </c>
      <c r="D8" s="21">
        <v>5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22</v>
      </c>
      <c r="B9" s="24">
        <v>106</v>
      </c>
      <c r="C9" s="24">
        <v>59</v>
      </c>
      <c r="D9" s="24">
        <v>1</v>
      </c>
      <c r="E9" s="24">
        <v>166</v>
      </c>
      <c r="J9" s="22"/>
      <c r="K9" s="22"/>
      <c r="L9" s="22"/>
      <c r="M9" s="22"/>
      <c r="N9" s="22"/>
    </row>
    <row r="10" spans="1:17">
      <c r="A10" s="79"/>
      <c r="B10" s="21">
        <v>0.63900000000000001</v>
      </c>
      <c r="C10" s="21">
        <v>0.35499999999999998</v>
      </c>
      <c r="D10" s="21">
        <v>6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1879</v>
      </c>
      <c r="C11" s="20">
        <v>825</v>
      </c>
      <c r="D11" s="20">
        <v>10</v>
      </c>
      <c r="E11" s="20">
        <v>2714</v>
      </c>
    </row>
    <row r="12" spans="1:17">
      <c r="A12" s="74"/>
      <c r="B12" s="21">
        <v>0.69199999999999995</v>
      </c>
      <c r="C12" s="21">
        <v>0.30399999999999999</v>
      </c>
      <c r="D12" s="21">
        <v>4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1" t="s">
        <v>225</v>
      </c>
      <c r="B13" s="96"/>
      <c r="C13" s="96"/>
      <c r="D13" s="96"/>
      <c r="E13" s="96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0"/>
  <dimension ref="A1:Q15"/>
  <sheetViews>
    <sheetView workbookViewId="0">
      <selection activeCell="A2" sqref="A2"/>
    </sheetView>
  </sheetViews>
  <sheetFormatPr defaultColWidth="9" defaultRowHeight="14.25"/>
  <cols>
    <col min="1" max="1" width="26.125" style="18" bestFit="1" customWidth="1"/>
    <col min="2" max="5" width="8.875" style="18" customWidth="1"/>
    <col min="6" max="16384" width="9" style="18"/>
  </cols>
  <sheetData>
    <row r="1" spans="1:17">
      <c r="A1" s="70" t="s">
        <v>39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55</v>
      </c>
      <c r="B3" s="76" t="s">
        <v>125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2" t="s">
        <v>15</v>
      </c>
    </row>
    <row r="5" spans="1:17">
      <c r="A5" s="73" t="s">
        <v>25</v>
      </c>
      <c r="B5" s="20">
        <v>897</v>
      </c>
      <c r="C5" s="20">
        <v>464</v>
      </c>
      <c r="D5" s="20">
        <v>16</v>
      </c>
      <c r="E5" s="20">
        <v>1377</v>
      </c>
    </row>
    <row r="6" spans="1:17">
      <c r="A6" s="77"/>
      <c r="B6" s="21">
        <v>0.65100000000000002</v>
      </c>
      <c r="C6" s="21">
        <v>0.33700000000000002</v>
      </c>
      <c r="D6" s="21">
        <v>1.2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249</v>
      </c>
      <c r="C7" s="24">
        <v>138</v>
      </c>
      <c r="D7" s="24">
        <v>9</v>
      </c>
      <c r="E7" s="20">
        <v>396</v>
      </c>
      <c r="J7" s="22"/>
      <c r="K7" s="22"/>
      <c r="L7" s="22"/>
      <c r="M7" s="22"/>
      <c r="N7" s="22"/>
    </row>
    <row r="8" spans="1:17">
      <c r="A8" s="79"/>
      <c r="B8" s="21">
        <v>0.629</v>
      </c>
      <c r="C8" s="21">
        <v>0.34799999999999998</v>
      </c>
      <c r="D8" s="21">
        <v>2.3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22</v>
      </c>
      <c r="B9" s="24">
        <v>62</v>
      </c>
      <c r="C9" s="24">
        <v>30</v>
      </c>
      <c r="D9" s="24">
        <v>14</v>
      </c>
      <c r="E9" s="24">
        <v>106</v>
      </c>
      <c r="J9" s="22"/>
      <c r="K9" s="22"/>
      <c r="L9" s="22"/>
      <c r="M9" s="22"/>
      <c r="N9" s="22"/>
    </row>
    <row r="10" spans="1:17">
      <c r="A10" s="79"/>
      <c r="B10" s="21">
        <v>0.58499999999999996</v>
      </c>
      <c r="C10" s="21">
        <v>0.28299999999999997</v>
      </c>
      <c r="D10" s="21">
        <v>0.13200000000000001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1208</v>
      </c>
      <c r="C11" s="20">
        <v>632</v>
      </c>
      <c r="D11" s="20">
        <v>39</v>
      </c>
      <c r="E11" s="20">
        <v>1879</v>
      </c>
    </row>
    <row r="12" spans="1:17">
      <c r="A12" s="74"/>
      <c r="B12" s="21">
        <v>0.64300000000000002</v>
      </c>
      <c r="C12" s="21">
        <v>0.33600000000000002</v>
      </c>
      <c r="D12" s="21">
        <v>2.1000000000000001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71" t="s">
        <v>216</v>
      </c>
      <c r="B13" s="71"/>
      <c r="C13" s="71"/>
      <c r="D13" s="71"/>
      <c r="E13" s="71"/>
      <c r="J13" s="22"/>
      <c r="K13" s="22"/>
      <c r="L13" s="22"/>
      <c r="M13" s="22"/>
      <c r="N13" s="22"/>
    </row>
    <row r="14" spans="1:17">
      <c r="A14" s="81"/>
      <c r="B14" s="81"/>
      <c r="C14" s="81"/>
      <c r="D14" s="81"/>
      <c r="E14" s="81"/>
    </row>
    <row r="15" spans="1:17">
      <c r="A15" s="81"/>
      <c r="B15" s="81"/>
      <c r="C15" s="81"/>
      <c r="D15" s="81"/>
      <c r="E15" s="81"/>
    </row>
  </sheetData>
  <mergeCells count="8">
    <mergeCell ref="A13:E15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1"/>
  <dimension ref="A1:S14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7" width="8.875" style="18" customWidth="1"/>
    <col min="8" max="16384" width="9" style="18"/>
  </cols>
  <sheetData>
    <row r="1" spans="1:19">
      <c r="A1" s="70" t="s">
        <v>395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3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184</v>
      </c>
      <c r="C4" s="11" t="s">
        <v>150</v>
      </c>
      <c r="D4" s="11" t="s">
        <v>149</v>
      </c>
      <c r="E4" s="11" t="s">
        <v>97</v>
      </c>
      <c r="F4" s="11" t="s">
        <v>22</v>
      </c>
      <c r="G4" s="12" t="s">
        <v>15</v>
      </c>
    </row>
    <row r="5" spans="1:19">
      <c r="A5" s="73" t="s">
        <v>25</v>
      </c>
      <c r="B5" s="20">
        <v>165</v>
      </c>
      <c r="C5" s="20">
        <v>532</v>
      </c>
      <c r="D5" s="20">
        <v>590</v>
      </c>
      <c r="E5" s="20">
        <v>702</v>
      </c>
      <c r="F5" s="20">
        <v>7</v>
      </c>
      <c r="G5" s="20">
        <v>1996</v>
      </c>
    </row>
    <row r="6" spans="1:19">
      <c r="A6" s="77"/>
      <c r="B6" s="21">
        <v>8.3000000000000004E-2</v>
      </c>
      <c r="C6" s="21">
        <v>0.26700000000000002</v>
      </c>
      <c r="D6" s="21">
        <v>0.29599999999999999</v>
      </c>
      <c r="E6" s="21">
        <v>0.35199999999999998</v>
      </c>
      <c r="F6" s="21">
        <v>4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45</v>
      </c>
      <c r="B7" s="24">
        <v>61</v>
      </c>
      <c r="C7" s="24">
        <v>118</v>
      </c>
      <c r="D7" s="24">
        <v>149</v>
      </c>
      <c r="E7" s="24">
        <v>221</v>
      </c>
      <c r="F7" s="24">
        <v>3</v>
      </c>
      <c r="G7" s="20">
        <v>552</v>
      </c>
      <c r="L7" s="22"/>
      <c r="M7" s="22"/>
      <c r="N7" s="22"/>
      <c r="O7" s="22"/>
      <c r="P7" s="22"/>
    </row>
    <row r="8" spans="1:19">
      <c r="A8" s="79"/>
      <c r="B8" s="21">
        <v>0.111</v>
      </c>
      <c r="C8" s="21">
        <v>0.214</v>
      </c>
      <c r="D8" s="21">
        <v>0.27</v>
      </c>
      <c r="E8" s="21">
        <v>0.4</v>
      </c>
      <c r="F8" s="21">
        <v>5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</v>
      </c>
      <c r="B9" s="24">
        <v>21</v>
      </c>
      <c r="C9" s="24">
        <v>35</v>
      </c>
      <c r="D9" s="24">
        <v>47</v>
      </c>
      <c r="E9" s="24">
        <v>62</v>
      </c>
      <c r="F9" s="24">
        <v>1</v>
      </c>
      <c r="G9" s="24">
        <v>166</v>
      </c>
      <c r="L9" s="22"/>
      <c r="M9" s="22"/>
      <c r="N9" s="22"/>
      <c r="O9" s="22"/>
      <c r="P9" s="22"/>
    </row>
    <row r="10" spans="1:19">
      <c r="A10" s="79"/>
      <c r="B10" s="21">
        <v>0.127</v>
      </c>
      <c r="C10" s="21">
        <v>0.21099999999999999</v>
      </c>
      <c r="D10" s="21">
        <v>0.28299999999999997</v>
      </c>
      <c r="E10" s="21">
        <v>0.373</v>
      </c>
      <c r="F10" s="21">
        <v>6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247</v>
      </c>
      <c r="C11" s="20">
        <v>685</v>
      </c>
      <c r="D11" s="20">
        <v>786</v>
      </c>
      <c r="E11" s="20">
        <v>985</v>
      </c>
      <c r="F11" s="20">
        <v>11</v>
      </c>
      <c r="G11" s="20">
        <v>2714</v>
      </c>
    </row>
    <row r="12" spans="1:19">
      <c r="A12" s="74"/>
      <c r="B12" s="21">
        <v>9.0999999999999998E-2</v>
      </c>
      <c r="C12" s="21">
        <v>0.252</v>
      </c>
      <c r="D12" s="21">
        <v>0.28999999999999998</v>
      </c>
      <c r="E12" s="21">
        <v>0.36299999999999999</v>
      </c>
      <c r="F12" s="21">
        <v>4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ht="14.25" customHeight="1">
      <c r="A13" s="71" t="s">
        <v>217</v>
      </c>
      <c r="B13" s="71"/>
      <c r="C13" s="71"/>
      <c r="D13" s="71"/>
      <c r="E13" s="71"/>
      <c r="F13" s="71"/>
      <c r="G13" s="71"/>
      <c r="L13" s="22"/>
      <c r="M13" s="22"/>
      <c r="N13" s="22"/>
      <c r="O13" s="22"/>
      <c r="P13" s="22"/>
    </row>
    <row r="14" spans="1:19">
      <c r="A14" s="81"/>
      <c r="B14" s="81"/>
      <c r="C14" s="81"/>
      <c r="D14" s="81"/>
      <c r="E14" s="81"/>
      <c r="F14" s="81"/>
      <c r="G14" s="81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2"/>
  <dimension ref="A1:R15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2" width="8.875" style="18" customWidth="1"/>
    <col min="3" max="3" width="9.5" style="18" bestFit="1" customWidth="1"/>
    <col min="4" max="6" width="8.875" style="18" customWidth="1"/>
    <col min="7" max="16384" width="9" style="18"/>
  </cols>
  <sheetData>
    <row r="1" spans="1:18">
      <c r="A1" s="70" t="s">
        <v>396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3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2" t="s">
        <v>15</v>
      </c>
    </row>
    <row r="5" spans="1:18">
      <c r="A5" s="73" t="s">
        <v>25</v>
      </c>
      <c r="B5" s="20">
        <v>195</v>
      </c>
      <c r="C5" s="20">
        <v>401</v>
      </c>
      <c r="D5" s="20">
        <v>1387</v>
      </c>
      <c r="E5" s="20">
        <v>13</v>
      </c>
      <c r="F5" s="20">
        <v>1996</v>
      </c>
    </row>
    <row r="6" spans="1:18">
      <c r="A6" s="77"/>
      <c r="B6" s="21">
        <v>9.8000000000000004E-2</v>
      </c>
      <c r="C6" s="21">
        <v>0.20100000000000001</v>
      </c>
      <c r="D6" s="21">
        <v>0.69499999999999995</v>
      </c>
      <c r="E6" s="21">
        <v>7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71</v>
      </c>
      <c r="C7" s="24">
        <v>115</v>
      </c>
      <c r="D7" s="24">
        <v>358</v>
      </c>
      <c r="E7" s="24">
        <v>8</v>
      </c>
      <c r="F7" s="20">
        <v>552</v>
      </c>
      <c r="K7" s="22"/>
      <c r="L7" s="22"/>
      <c r="M7" s="22"/>
      <c r="N7" s="22"/>
      <c r="O7" s="22"/>
    </row>
    <row r="8" spans="1:18">
      <c r="A8" s="79"/>
      <c r="B8" s="21">
        <v>0.129</v>
      </c>
      <c r="C8" s="21">
        <v>0.20799999999999999</v>
      </c>
      <c r="D8" s="21">
        <v>0.64900000000000002</v>
      </c>
      <c r="E8" s="21">
        <v>1.4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4">
        <v>22</v>
      </c>
      <c r="C9" s="24">
        <v>25</v>
      </c>
      <c r="D9" s="24">
        <v>118</v>
      </c>
      <c r="E9" s="24">
        <v>1</v>
      </c>
      <c r="F9" s="24">
        <v>166</v>
      </c>
      <c r="K9" s="22"/>
      <c r="L9" s="22"/>
      <c r="M9" s="22"/>
      <c r="N9" s="22"/>
      <c r="O9" s="22"/>
    </row>
    <row r="10" spans="1:18">
      <c r="A10" s="79"/>
      <c r="B10" s="21">
        <v>0.13300000000000001</v>
      </c>
      <c r="C10" s="21">
        <v>0.151</v>
      </c>
      <c r="D10" s="21">
        <v>0.71099999999999997</v>
      </c>
      <c r="E10" s="21">
        <v>6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288</v>
      </c>
      <c r="C11" s="20">
        <v>541</v>
      </c>
      <c r="D11" s="20">
        <v>1863</v>
      </c>
      <c r="E11" s="20">
        <v>22</v>
      </c>
      <c r="F11" s="20">
        <v>2714</v>
      </c>
    </row>
    <row r="12" spans="1:18">
      <c r="A12" s="74"/>
      <c r="B12" s="21">
        <v>0.106</v>
      </c>
      <c r="C12" s="21">
        <v>0.19900000000000001</v>
      </c>
      <c r="D12" s="21">
        <v>0.68600000000000005</v>
      </c>
      <c r="E12" s="21">
        <v>8.000000000000000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227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</row>
    <row r="15" spans="1:18">
      <c r="A15" s="81"/>
      <c r="B15" s="81"/>
      <c r="C15" s="81"/>
      <c r="D15" s="81"/>
      <c r="E15" s="81"/>
      <c r="F15" s="81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3"/>
  <dimension ref="A1:R14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397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3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198</v>
      </c>
      <c r="E4" s="11" t="s">
        <v>22</v>
      </c>
      <c r="F4" s="12" t="s">
        <v>15</v>
      </c>
    </row>
    <row r="5" spans="1:18">
      <c r="A5" s="73" t="s">
        <v>25</v>
      </c>
      <c r="B5" s="20">
        <v>872</v>
      </c>
      <c r="C5" s="20">
        <v>835</v>
      </c>
      <c r="D5" s="20">
        <v>286</v>
      </c>
      <c r="E5" s="20">
        <v>3</v>
      </c>
      <c r="F5" s="20">
        <v>1996</v>
      </c>
    </row>
    <row r="6" spans="1:18">
      <c r="A6" s="77"/>
      <c r="B6" s="21">
        <v>0.437</v>
      </c>
      <c r="C6" s="21">
        <v>0.41799999999999998</v>
      </c>
      <c r="D6" s="21">
        <v>0.14299999999999999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252</v>
      </c>
      <c r="C7" s="24">
        <v>214</v>
      </c>
      <c r="D7" s="24">
        <v>84</v>
      </c>
      <c r="E7" s="24">
        <v>2</v>
      </c>
      <c r="F7" s="20">
        <v>552</v>
      </c>
      <c r="K7" s="22"/>
      <c r="L7" s="22"/>
      <c r="M7" s="22"/>
      <c r="N7" s="22"/>
      <c r="O7" s="22"/>
    </row>
    <row r="8" spans="1:18">
      <c r="A8" s="79"/>
      <c r="B8" s="21">
        <v>0.45700000000000002</v>
      </c>
      <c r="C8" s="21">
        <v>0.38800000000000001</v>
      </c>
      <c r="D8" s="21">
        <v>0.152</v>
      </c>
      <c r="E8" s="21">
        <v>4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4">
        <v>72</v>
      </c>
      <c r="C9" s="24">
        <v>71</v>
      </c>
      <c r="D9" s="24">
        <v>23</v>
      </c>
      <c r="E9" s="24">
        <v>0</v>
      </c>
      <c r="F9" s="24">
        <v>166</v>
      </c>
      <c r="K9" s="22"/>
      <c r="L9" s="22"/>
      <c r="M9" s="22"/>
      <c r="N9" s="22"/>
      <c r="O9" s="22"/>
    </row>
    <row r="10" spans="1:18">
      <c r="A10" s="79"/>
      <c r="B10" s="21">
        <v>0.434</v>
      </c>
      <c r="C10" s="21">
        <v>0.42799999999999999</v>
      </c>
      <c r="D10" s="21">
        <v>0.13900000000000001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1196</v>
      </c>
      <c r="C11" s="20">
        <v>1120</v>
      </c>
      <c r="D11" s="20">
        <v>393</v>
      </c>
      <c r="E11" s="20">
        <v>5</v>
      </c>
      <c r="F11" s="20">
        <v>2714</v>
      </c>
    </row>
    <row r="12" spans="1:18">
      <c r="A12" s="74"/>
      <c r="B12" s="21">
        <v>0.441</v>
      </c>
      <c r="C12" s="21">
        <v>0.41299999999999998</v>
      </c>
      <c r="D12" s="21">
        <v>0.14499999999999999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261</v>
      </c>
      <c r="B13" s="96"/>
      <c r="C13" s="96"/>
      <c r="D13" s="96"/>
      <c r="E13" s="96"/>
      <c r="F13" s="96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4"/>
  <dimension ref="A1:S14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9" style="18" customWidth="1"/>
    <col min="4" max="4" width="8.875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398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3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2" t="s">
        <v>15</v>
      </c>
    </row>
    <row r="5" spans="1:19">
      <c r="A5" s="73" t="s">
        <v>25</v>
      </c>
      <c r="B5" s="20">
        <v>391</v>
      </c>
      <c r="C5" s="20">
        <v>193</v>
      </c>
      <c r="D5" s="20">
        <v>38</v>
      </c>
      <c r="E5" s="20">
        <v>250</v>
      </c>
      <c r="F5" s="20">
        <v>0</v>
      </c>
      <c r="G5" s="20">
        <v>872</v>
      </c>
    </row>
    <row r="6" spans="1:19">
      <c r="A6" s="77"/>
      <c r="B6" s="21">
        <v>0.44800000000000001</v>
      </c>
      <c r="C6" s="21">
        <v>0.221</v>
      </c>
      <c r="D6" s="21">
        <v>4.3999999999999997E-2</v>
      </c>
      <c r="E6" s="21">
        <v>0.28699999999999998</v>
      </c>
      <c r="F6" s="21">
        <v>0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45</v>
      </c>
      <c r="B7" s="24">
        <v>91</v>
      </c>
      <c r="C7" s="24">
        <v>51</v>
      </c>
      <c r="D7" s="24">
        <v>15</v>
      </c>
      <c r="E7" s="24">
        <v>95</v>
      </c>
      <c r="F7" s="24">
        <v>0</v>
      </c>
      <c r="G7" s="20">
        <v>252</v>
      </c>
      <c r="L7" s="22"/>
      <c r="M7" s="22"/>
      <c r="N7" s="22"/>
      <c r="O7" s="22"/>
      <c r="P7" s="22"/>
    </row>
    <row r="8" spans="1:19">
      <c r="A8" s="79"/>
      <c r="B8" s="21">
        <v>0.36099999999999999</v>
      </c>
      <c r="C8" s="21">
        <v>0.20200000000000001</v>
      </c>
      <c r="D8" s="21">
        <v>0.06</v>
      </c>
      <c r="E8" s="21">
        <v>0.377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</v>
      </c>
      <c r="B9" s="24">
        <v>25</v>
      </c>
      <c r="C9" s="24">
        <v>16</v>
      </c>
      <c r="D9" s="24">
        <v>5</v>
      </c>
      <c r="E9" s="24">
        <v>24</v>
      </c>
      <c r="F9" s="24">
        <v>2</v>
      </c>
      <c r="G9" s="24">
        <v>72</v>
      </c>
      <c r="L9" s="22"/>
      <c r="M9" s="22"/>
      <c r="N9" s="22"/>
      <c r="O9" s="22"/>
      <c r="P9" s="22"/>
    </row>
    <row r="10" spans="1:19">
      <c r="A10" s="79"/>
      <c r="B10" s="21">
        <v>0.34699999999999998</v>
      </c>
      <c r="C10" s="21">
        <v>0.222</v>
      </c>
      <c r="D10" s="21">
        <v>6.9000000000000006E-2</v>
      </c>
      <c r="E10" s="21">
        <v>0.33300000000000002</v>
      </c>
      <c r="F10" s="21">
        <v>2.8000000000000001E-2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507</v>
      </c>
      <c r="C11" s="20">
        <v>260</v>
      </c>
      <c r="D11" s="20">
        <v>58</v>
      </c>
      <c r="E11" s="20">
        <v>369</v>
      </c>
      <c r="F11" s="20">
        <v>2</v>
      </c>
      <c r="G11" s="20">
        <v>1196</v>
      </c>
    </row>
    <row r="12" spans="1:19">
      <c r="A12" s="74"/>
      <c r="B12" s="21">
        <v>0.42399999999999999</v>
      </c>
      <c r="C12" s="21">
        <v>0.217</v>
      </c>
      <c r="D12" s="21">
        <v>4.8000000000000001E-2</v>
      </c>
      <c r="E12" s="21">
        <v>0.309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0" t="s">
        <v>218</v>
      </c>
      <c r="B13" s="98"/>
      <c r="C13" s="98"/>
      <c r="D13" s="98"/>
      <c r="E13" s="98"/>
      <c r="F13" s="98"/>
      <c r="G13" s="98"/>
      <c r="L13" s="22"/>
      <c r="M13" s="22"/>
      <c r="N13" s="22"/>
      <c r="O13" s="22"/>
      <c r="P13" s="22"/>
    </row>
    <row r="14" spans="1:19">
      <c r="A14" s="25"/>
      <c r="B14" s="25"/>
      <c r="C14" s="25"/>
      <c r="D14" s="25"/>
      <c r="E14" s="25"/>
      <c r="F14" s="25"/>
      <c r="G14" s="25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5"/>
  <dimension ref="A1:N10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8.875" style="18" customWidth="1"/>
    <col min="6" max="6" width="9.25" style="18" customWidth="1"/>
    <col min="7" max="16384" width="9" style="18"/>
  </cols>
  <sheetData>
    <row r="1" spans="1:14">
      <c r="A1" s="81" t="s">
        <v>399</v>
      </c>
      <c r="B1" s="81"/>
      <c r="C1" s="81"/>
      <c r="D1" s="81"/>
      <c r="E1" s="81"/>
    </row>
    <row r="2" spans="1:14">
      <c r="A2" s="121" t="s">
        <v>613</v>
      </c>
      <c r="B2" s="40"/>
      <c r="C2" s="40"/>
      <c r="D2" s="40"/>
      <c r="E2" s="40"/>
    </row>
    <row r="3" spans="1:14">
      <c r="A3" s="75" t="s">
        <v>219</v>
      </c>
      <c r="B3" s="76" t="s">
        <v>254</v>
      </c>
      <c r="C3" s="76"/>
      <c r="D3" s="76"/>
      <c r="E3" s="76"/>
    </row>
    <row r="4" spans="1:14">
      <c r="A4" s="75"/>
      <c r="B4" s="11" t="s">
        <v>25</v>
      </c>
      <c r="C4" s="11" t="s">
        <v>145</v>
      </c>
      <c r="D4" s="11" t="s">
        <v>22</v>
      </c>
      <c r="E4" s="11" t="s">
        <v>15</v>
      </c>
    </row>
    <row r="5" spans="1:14">
      <c r="A5" s="73" t="s">
        <v>26</v>
      </c>
      <c r="B5" s="20">
        <v>1229</v>
      </c>
      <c r="C5" s="20">
        <v>354</v>
      </c>
      <c r="D5" s="20">
        <v>184</v>
      </c>
      <c r="E5" s="20">
        <v>1767</v>
      </c>
    </row>
    <row r="6" spans="1:14">
      <c r="A6" s="77"/>
      <c r="B6" s="21">
        <v>0.69599999999999995</v>
      </c>
      <c r="C6" s="21">
        <v>0.2</v>
      </c>
      <c r="D6" s="21">
        <v>0.104</v>
      </c>
      <c r="E6" s="21">
        <v>1</v>
      </c>
      <c r="G6" s="22"/>
      <c r="H6" s="22"/>
      <c r="I6" s="22"/>
      <c r="J6" s="22"/>
      <c r="K6" s="22"/>
      <c r="L6" s="22"/>
      <c r="M6" s="22"/>
    </row>
    <row r="7" spans="1:14" s="23" customFormat="1">
      <c r="A7" s="73" t="s">
        <v>15</v>
      </c>
      <c r="B7" s="20">
        <v>1229</v>
      </c>
      <c r="C7" s="20">
        <v>354</v>
      </c>
      <c r="D7" s="20">
        <v>184</v>
      </c>
      <c r="E7" s="20">
        <v>1767</v>
      </c>
    </row>
    <row r="8" spans="1:14">
      <c r="A8" s="74"/>
      <c r="B8" s="21">
        <v>0.69599999999999995</v>
      </c>
      <c r="C8" s="21">
        <v>0.2</v>
      </c>
      <c r="D8" s="21">
        <v>0.104</v>
      </c>
      <c r="E8" s="21">
        <v>1</v>
      </c>
      <c r="G8" s="22"/>
      <c r="H8" s="22"/>
      <c r="I8" s="22"/>
      <c r="J8" s="22"/>
      <c r="K8" s="22"/>
      <c r="L8" s="22"/>
      <c r="M8" s="22"/>
    </row>
    <row r="9" spans="1:14">
      <c r="A9" s="71" t="s">
        <v>589</v>
      </c>
      <c r="B9" s="96"/>
      <c r="C9" s="96"/>
      <c r="D9" s="96"/>
      <c r="E9" s="96"/>
      <c r="J9" s="22"/>
      <c r="K9" s="22"/>
      <c r="L9" s="22"/>
      <c r="M9" s="22"/>
      <c r="N9" s="22"/>
    </row>
    <row r="10" spans="1:14">
      <c r="A10" s="25"/>
      <c r="B10" s="25"/>
      <c r="C10" s="25"/>
      <c r="D10" s="25"/>
      <c r="E10" s="25"/>
    </row>
  </sheetData>
  <mergeCells count="6">
    <mergeCell ref="A7:A8"/>
    <mergeCell ref="A9:E9"/>
    <mergeCell ref="A1:E1"/>
    <mergeCell ref="A3:A4"/>
    <mergeCell ref="B3:E3"/>
    <mergeCell ref="A5:A6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6"/>
  <dimension ref="A1:S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8.875" style="18" customWidth="1"/>
    <col min="4" max="4" width="11.625" style="18" bestFit="1" customWidth="1"/>
    <col min="5" max="7" width="8.875" style="18" customWidth="1"/>
    <col min="8" max="16384" width="9" style="18"/>
  </cols>
  <sheetData>
    <row r="1" spans="1:19">
      <c r="A1" s="70" t="s">
        <v>400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19</v>
      </c>
      <c r="B3" s="76" t="s">
        <v>146</v>
      </c>
      <c r="C3" s="76"/>
      <c r="D3" s="76"/>
      <c r="E3" s="76"/>
      <c r="F3" s="76"/>
      <c r="G3" s="76"/>
    </row>
    <row r="4" spans="1:19" ht="28.5">
      <c r="A4" s="84"/>
      <c r="B4" s="11" t="s">
        <v>228</v>
      </c>
      <c r="C4" s="11" t="s">
        <v>34</v>
      </c>
      <c r="D4" s="11" t="s">
        <v>36</v>
      </c>
      <c r="E4" s="11" t="s">
        <v>222</v>
      </c>
      <c r="F4" s="11" t="s">
        <v>22</v>
      </c>
      <c r="G4" s="11" t="s">
        <v>15</v>
      </c>
    </row>
    <row r="5" spans="1:19">
      <c r="A5" s="73" t="s">
        <v>26</v>
      </c>
      <c r="B5" s="20">
        <v>1700</v>
      </c>
      <c r="C5" s="20">
        <v>56</v>
      </c>
      <c r="D5" s="20">
        <v>8</v>
      </c>
      <c r="E5" s="20">
        <v>2</v>
      </c>
      <c r="F5" s="20">
        <v>1</v>
      </c>
      <c r="G5" s="20">
        <v>1767</v>
      </c>
    </row>
    <row r="6" spans="1:19">
      <c r="A6" s="77"/>
      <c r="B6" s="21">
        <v>0.96199999999999997</v>
      </c>
      <c r="C6" s="21">
        <v>3.2000000000000001E-2</v>
      </c>
      <c r="D6" s="21">
        <v>5.0000000000000001E-3</v>
      </c>
      <c r="E6" s="21">
        <v>1E-3</v>
      </c>
      <c r="F6" s="21">
        <v>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8" t="s">
        <v>220</v>
      </c>
      <c r="B7" s="20">
        <v>3494</v>
      </c>
      <c r="C7" s="20">
        <v>71</v>
      </c>
      <c r="D7" s="20">
        <v>15</v>
      </c>
      <c r="E7" s="20">
        <v>1</v>
      </c>
      <c r="F7" s="20">
        <v>5</v>
      </c>
      <c r="G7" s="20">
        <v>3586</v>
      </c>
    </row>
    <row r="8" spans="1:19">
      <c r="A8" s="79"/>
      <c r="B8" s="21">
        <v>0.97399999999999998</v>
      </c>
      <c r="C8" s="21">
        <v>0.02</v>
      </c>
      <c r="D8" s="21">
        <v>4.0000000000000001E-3</v>
      </c>
      <c r="E8" s="21">
        <v>0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1</v>
      </c>
      <c r="B9" s="24">
        <v>690</v>
      </c>
      <c r="C9" s="24">
        <v>11</v>
      </c>
      <c r="D9" s="24">
        <v>2</v>
      </c>
      <c r="E9" s="24">
        <v>1</v>
      </c>
      <c r="F9" s="24">
        <v>0</v>
      </c>
      <c r="G9" s="24">
        <v>704</v>
      </c>
      <c r="L9" s="22"/>
      <c r="M9" s="22"/>
      <c r="N9" s="22"/>
      <c r="O9" s="22"/>
      <c r="P9" s="22"/>
    </row>
    <row r="10" spans="1:19">
      <c r="A10" s="79"/>
      <c r="B10" s="21">
        <v>0.98</v>
      </c>
      <c r="C10" s="21">
        <v>1.6E-2</v>
      </c>
      <c r="D10" s="21">
        <v>3.0000000000000001E-3</v>
      </c>
      <c r="E10" s="21">
        <v>1E-3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9" customFormat="1">
      <c r="A11" s="95" t="s">
        <v>22</v>
      </c>
      <c r="B11" s="24">
        <v>12</v>
      </c>
      <c r="C11" s="24">
        <v>0</v>
      </c>
      <c r="D11" s="24">
        <v>0</v>
      </c>
      <c r="E11" s="24">
        <v>0</v>
      </c>
      <c r="F11" s="24">
        <v>1</v>
      </c>
      <c r="G11" s="24">
        <v>13</v>
      </c>
    </row>
    <row r="12" spans="1:19">
      <c r="A12" s="99"/>
      <c r="B12" s="21">
        <v>0.92300000000000004</v>
      </c>
      <c r="C12" s="21">
        <v>0</v>
      </c>
      <c r="D12" s="21">
        <v>0</v>
      </c>
      <c r="E12" s="21">
        <v>0</v>
      </c>
      <c r="F12" s="21">
        <v>7.6999999999999999E-2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5896</v>
      </c>
      <c r="C13" s="20">
        <v>138</v>
      </c>
      <c r="D13" s="20">
        <v>25</v>
      </c>
      <c r="E13" s="20">
        <v>4</v>
      </c>
      <c r="F13" s="20">
        <v>7</v>
      </c>
      <c r="G13" s="20">
        <v>6070</v>
      </c>
    </row>
    <row r="14" spans="1:19">
      <c r="A14" s="74"/>
      <c r="B14" s="21">
        <v>0.97099999999999997</v>
      </c>
      <c r="C14" s="21">
        <v>2.3E-2</v>
      </c>
      <c r="D14" s="21">
        <v>4.0000000000000001E-3</v>
      </c>
      <c r="E14" s="21">
        <v>1E-3</v>
      </c>
      <c r="F14" s="21">
        <v>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80" t="s">
        <v>40</v>
      </c>
      <c r="B15" s="98"/>
      <c r="C15" s="98"/>
      <c r="D15" s="98"/>
      <c r="E15" s="98"/>
      <c r="F15" s="98"/>
      <c r="G15" s="98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3:A14"/>
    <mergeCell ref="A15:G15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A1:R30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3" width="9" style="18" customWidth="1"/>
    <col min="4" max="4" width="13.75" style="18" bestFit="1" customWidth="1"/>
    <col min="5" max="5" width="9" style="18" customWidth="1"/>
    <col min="6" max="16384" width="9" style="18"/>
  </cols>
  <sheetData>
    <row r="1" spans="1:18">
      <c r="A1" s="70" t="s">
        <v>74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6</v>
      </c>
      <c r="B3" s="76" t="s">
        <v>73</v>
      </c>
      <c r="C3" s="76"/>
      <c r="D3" s="76"/>
      <c r="E3" s="76"/>
      <c r="F3" s="76"/>
    </row>
    <row r="4" spans="1:18" ht="42.75">
      <c r="A4" s="75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>
      <c r="A5" s="73" t="s">
        <v>7</v>
      </c>
      <c r="B5" s="20">
        <v>665</v>
      </c>
      <c r="C5" s="20">
        <v>886</v>
      </c>
      <c r="D5" s="20">
        <v>962</v>
      </c>
      <c r="E5" s="20">
        <v>4</v>
      </c>
      <c r="F5" s="20">
        <v>2517</v>
      </c>
    </row>
    <row r="6" spans="1:18">
      <c r="A6" s="77"/>
      <c r="B6" s="21">
        <v>0.26400000000000001</v>
      </c>
      <c r="C6" s="21">
        <v>0.35199999999999998</v>
      </c>
      <c r="D6" s="21">
        <v>0.38200000000000001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3" t="s">
        <v>8</v>
      </c>
      <c r="B7" s="24">
        <v>176</v>
      </c>
      <c r="C7" s="24">
        <v>191</v>
      </c>
      <c r="D7" s="24">
        <v>162</v>
      </c>
      <c r="E7" s="24">
        <v>0</v>
      </c>
      <c r="F7" s="20">
        <v>529</v>
      </c>
      <c r="K7" s="22"/>
      <c r="L7" s="22"/>
      <c r="M7" s="22"/>
      <c r="N7" s="22"/>
      <c r="O7" s="22"/>
    </row>
    <row r="8" spans="1:18">
      <c r="A8" s="74"/>
      <c r="B8" s="21">
        <v>0.33300000000000002</v>
      </c>
      <c r="C8" s="21">
        <v>0.36099999999999999</v>
      </c>
      <c r="D8" s="21">
        <v>0.30599999999999999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9</v>
      </c>
      <c r="B9" s="24">
        <v>247</v>
      </c>
      <c r="C9" s="24">
        <v>315</v>
      </c>
      <c r="D9" s="24">
        <v>351</v>
      </c>
      <c r="E9" s="24">
        <v>3</v>
      </c>
      <c r="F9" s="24">
        <v>916</v>
      </c>
      <c r="K9" s="22"/>
      <c r="L9" s="22"/>
      <c r="M9" s="22"/>
      <c r="N9" s="22"/>
      <c r="O9" s="22"/>
    </row>
    <row r="10" spans="1:18">
      <c r="A10" s="74"/>
      <c r="B10" s="21">
        <v>0.27</v>
      </c>
      <c r="C10" s="21">
        <v>0.34399999999999997</v>
      </c>
      <c r="D10" s="21">
        <v>0.38300000000000001</v>
      </c>
      <c r="E10" s="21">
        <v>3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10</v>
      </c>
      <c r="B11" s="24">
        <v>71</v>
      </c>
      <c r="C11" s="24">
        <v>112</v>
      </c>
      <c r="D11" s="24">
        <v>84</v>
      </c>
      <c r="E11" s="24">
        <v>0</v>
      </c>
      <c r="F11" s="24">
        <v>267</v>
      </c>
      <c r="K11" s="22"/>
      <c r="L11" s="22"/>
      <c r="M11" s="22"/>
      <c r="N11" s="22"/>
      <c r="O11" s="22"/>
    </row>
    <row r="12" spans="1:18">
      <c r="A12" s="79"/>
      <c r="B12" s="21">
        <v>0.26600000000000001</v>
      </c>
      <c r="C12" s="21">
        <v>0.41899999999999998</v>
      </c>
      <c r="D12" s="21">
        <v>0.315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3" t="s">
        <v>11</v>
      </c>
      <c r="B13" s="24">
        <v>62</v>
      </c>
      <c r="C13" s="24">
        <v>100</v>
      </c>
      <c r="D13" s="24">
        <v>74</v>
      </c>
      <c r="E13" s="24">
        <v>1</v>
      </c>
      <c r="F13" s="24">
        <v>237</v>
      </c>
      <c r="K13" s="22"/>
      <c r="L13" s="22"/>
      <c r="M13" s="22"/>
      <c r="N13" s="22"/>
      <c r="O13" s="22"/>
    </row>
    <row r="14" spans="1:18">
      <c r="A14" s="74"/>
      <c r="B14" s="21">
        <v>0.26200000000000001</v>
      </c>
      <c r="C14" s="21">
        <v>0.42199999999999999</v>
      </c>
      <c r="D14" s="21">
        <v>0.312</v>
      </c>
      <c r="E14" s="21">
        <v>4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73" t="s">
        <v>12</v>
      </c>
      <c r="B15" s="24">
        <v>65</v>
      </c>
      <c r="C15" s="24">
        <v>82</v>
      </c>
      <c r="D15" s="24">
        <v>84</v>
      </c>
      <c r="E15" s="24">
        <v>0</v>
      </c>
      <c r="F15" s="24">
        <v>231</v>
      </c>
      <c r="K15" s="22"/>
      <c r="L15" s="22"/>
      <c r="M15" s="22"/>
      <c r="N15" s="22"/>
      <c r="O15" s="22"/>
    </row>
    <row r="16" spans="1:18">
      <c r="A16" s="74"/>
      <c r="B16" s="21">
        <v>0.28100000000000003</v>
      </c>
      <c r="C16" s="21">
        <v>0.35499999999999998</v>
      </c>
      <c r="D16" s="21">
        <v>0.36399999999999999</v>
      </c>
      <c r="E16" s="21">
        <v>0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 s="23" customFormat="1">
      <c r="A17" s="73" t="s">
        <v>13</v>
      </c>
      <c r="B17" s="20">
        <v>324</v>
      </c>
      <c r="C17" s="20">
        <v>381</v>
      </c>
      <c r="D17" s="20">
        <v>441</v>
      </c>
      <c r="E17" s="20">
        <v>0</v>
      </c>
      <c r="F17" s="20">
        <v>1146</v>
      </c>
    </row>
    <row r="18" spans="1:18">
      <c r="A18" s="74"/>
      <c r="B18" s="21">
        <v>0.28299999999999997</v>
      </c>
      <c r="C18" s="21">
        <v>0.33200000000000002</v>
      </c>
      <c r="D18" s="21">
        <v>0.38500000000000001</v>
      </c>
      <c r="E18" s="21">
        <v>0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>
      <c r="A19" s="73" t="s">
        <v>14</v>
      </c>
      <c r="B19" s="24">
        <v>44</v>
      </c>
      <c r="C19" s="24">
        <v>55</v>
      </c>
      <c r="D19" s="24">
        <v>80</v>
      </c>
      <c r="E19" s="24">
        <v>0</v>
      </c>
      <c r="F19" s="24">
        <v>179</v>
      </c>
      <c r="K19" s="22"/>
      <c r="L19" s="22"/>
      <c r="M19" s="22"/>
      <c r="N19" s="22"/>
      <c r="O19" s="22"/>
    </row>
    <row r="20" spans="1:18">
      <c r="A20" s="74"/>
      <c r="B20" s="21">
        <v>0.246</v>
      </c>
      <c r="C20" s="21">
        <v>0.307</v>
      </c>
      <c r="D20" s="21">
        <v>0.44700000000000001</v>
      </c>
      <c r="E20" s="21">
        <v>0</v>
      </c>
      <c r="F20" s="21">
        <v>1</v>
      </c>
      <c r="K20" s="22"/>
      <c r="L20" s="22"/>
      <c r="M20" s="22"/>
      <c r="N20" s="22"/>
      <c r="O20" s="22"/>
      <c r="P20" s="22"/>
      <c r="Q20" s="22"/>
      <c r="R20" s="22"/>
    </row>
    <row r="21" spans="1:18">
      <c r="A21" s="72" t="s">
        <v>22</v>
      </c>
      <c r="B21" s="34">
        <v>11</v>
      </c>
      <c r="C21" s="34">
        <v>14</v>
      </c>
      <c r="D21" s="34">
        <v>22</v>
      </c>
      <c r="E21" s="34">
        <v>1</v>
      </c>
      <c r="F21" s="34">
        <v>48</v>
      </c>
      <c r="K21" s="22"/>
      <c r="L21" s="22"/>
      <c r="M21" s="22"/>
      <c r="N21" s="22"/>
      <c r="O21" s="22"/>
    </row>
    <row r="22" spans="1:18" s="26" customFormat="1">
      <c r="A22" s="72"/>
      <c r="B22" s="33">
        <v>0.22900000000000001</v>
      </c>
      <c r="C22" s="33">
        <v>0.29199999999999998</v>
      </c>
      <c r="D22" s="33">
        <v>0.45800000000000002</v>
      </c>
      <c r="E22" s="33">
        <v>2.1000000000000001E-2</v>
      </c>
      <c r="F22" s="33">
        <v>1</v>
      </c>
    </row>
    <row r="23" spans="1:18" s="23" customFormat="1">
      <c r="A23" s="73" t="s">
        <v>15</v>
      </c>
      <c r="B23" s="20">
        <v>1665</v>
      </c>
      <c r="C23" s="20">
        <v>2136</v>
      </c>
      <c r="D23" s="20">
        <v>2260</v>
      </c>
      <c r="E23" s="20">
        <v>9</v>
      </c>
      <c r="F23" s="20">
        <v>6070</v>
      </c>
    </row>
    <row r="24" spans="1:18">
      <c r="A24" s="74"/>
      <c r="B24" s="21">
        <v>0.27400000000000002</v>
      </c>
      <c r="C24" s="21">
        <v>0.35199999999999998</v>
      </c>
      <c r="D24" s="21">
        <v>0.372</v>
      </c>
      <c r="E24" s="21">
        <v>1E-3</v>
      </c>
      <c r="F24" s="21">
        <v>1</v>
      </c>
      <c r="K24" s="22"/>
      <c r="L24" s="22"/>
      <c r="M24" s="22"/>
      <c r="N24" s="22"/>
      <c r="O24" s="22"/>
      <c r="P24" s="22"/>
      <c r="Q24" s="22"/>
      <c r="R24" s="22"/>
    </row>
    <row r="25" spans="1:18" ht="14.25" customHeight="1">
      <c r="A25" s="71" t="s">
        <v>75</v>
      </c>
      <c r="B25" s="71"/>
      <c r="C25" s="71"/>
      <c r="D25" s="71"/>
      <c r="E25" s="71"/>
      <c r="F25" s="71"/>
      <c r="K25" s="22"/>
      <c r="L25" s="22"/>
      <c r="M25" s="22"/>
      <c r="N25" s="22"/>
      <c r="O25" s="22"/>
    </row>
    <row r="26" spans="1:18">
      <c r="A26" s="81"/>
      <c r="B26" s="81"/>
      <c r="C26" s="81"/>
      <c r="D26" s="81"/>
      <c r="E26" s="81"/>
      <c r="F26" s="81"/>
    </row>
    <row r="30" spans="1:18">
      <c r="P30" s="18">
        <v>1</v>
      </c>
    </row>
  </sheetData>
  <mergeCells count="14">
    <mergeCell ref="A25:F26"/>
    <mergeCell ref="A9:A10"/>
    <mergeCell ref="A1:F1"/>
    <mergeCell ref="A3:A4"/>
    <mergeCell ref="B3:F3"/>
    <mergeCell ref="A5:A6"/>
    <mergeCell ref="A7:A8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7"/>
  <dimension ref="A1:R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6" width="9" style="18" customWidth="1"/>
    <col min="7" max="16384" width="9" style="18"/>
  </cols>
  <sheetData>
    <row r="1" spans="1:18">
      <c r="A1" s="70" t="s">
        <v>40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219</v>
      </c>
      <c r="B3" s="76" t="s">
        <v>250</v>
      </c>
      <c r="C3" s="76"/>
      <c r="D3" s="76"/>
      <c r="E3" s="76"/>
      <c r="F3" s="76"/>
    </row>
    <row r="4" spans="1:18">
      <c r="A4" s="75"/>
      <c r="B4" s="11" t="s">
        <v>152</v>
      </c>
      <c r="C4" s="11" t="s">
        <v>153</v>
      </c>
      <c r="D4" s="11" t="s">
        <v>145</v>
      </c>
      <c r="E4" s="11" t="s">
        <v>22</v>
      </c>
      <c r="F4" s="11" t="s">
        <v>15</v>
      </c>
    </row>
    <row r="5" spans="1:18">
      <c r="A5" s="73" t="s">
        <v>26</v>
      </c>
      <c r="B5" s="20">
        <v>184</v>
      </c>
      <c r="C5" s="20">
        <v>1118</v>
      </c>
      <c r="D5" s="20">
        <v>229</v>
      </c>
      <c r="E5" s="20">
        <v>169</v>
      </c>
      <c r="F5" s="20">
        <v>1700</v>
      </c>
    </row>
    <row r="6" spans="1:18">
      <c r="A6" s="77"/>
      <c r="B6" s="21">
        <v>0.108</v>
      </c>
      <c r="C6" s="21">
        <v>0.65800000000000003</v>
      </c>
      <c r="D6" s="21">
        <v>0.13500000000000001</v>
      </c>
      <c r="E6" s="21">
        <v>9.9000000000000005E-2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3" t="s">
        <v>220</v>
      </c>
      <c r="B7" s="24">
        <v>351</v>
      </c>
      <c r="C7" s="24">
        <v>2342</v>
      </c>
      <c r="D7" s="24">
        <v>478</v>
      </c>
      <c r="E7" s="24">
        <v>323</v>
      </c>
      <c r="F7" s="20">
        <v>3494</v>
      </c>
      <c r="K7" s="22"/>
      <c r="L7" s="22"/>
      <c r="M7" s="22"/>
      <c r="N7" s="22"/>
      <c r="O7" s="22"/>
    </row>
    <row r="8" spans="1:18">
      <c r="A8" s="74"/>
      <c r="B8" s="21">
        <v>0.1</v>
      </c>
      <c r="C8" s="21">
        <v>0.67</v>
      </c>
      <c r="D8" s="21">
        <v>0.13700000000000001</v>
      </c>
      <c r="E8" s="21">
        <v>9.1999999999999998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21</v>
      </c>
      <c r="B9" s="24">
        <v>59</v>
      </c>
      <c r="C9" s="24">
        <v>442</v>
      </c>
      <c r="D9" s="24">
        <v>114</v>
      </c>
      <c r="E9" s="24">
        <v>75</v>
      </c>
      <c r="F9" s="24">
        <v>690</v>
      </c>
      <c r="K9" s="22"/>
      <c r="L9" s="22"/>
      <c r="M9" s="22"/>
      <c r="N9" s="22"/>
      <c r="O9" s="22"/>
    </row>
    <row r="10" spans="1:18">
      <c r="A10" s="74"/>
      <c r="B10" s="21">
        <v>8.5999999999999993E-2</v>
      </c>
      <c r="C10" s="21">
        <v>0.64100000000000001</v>
      </c>
      <c r="D10" s="21">
        <v>0.16500000000000001</v>
      </c>
      <c r="E10" s="21">
        <v>0.109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7">
        <v>1</v>
      </c>
      <c r="C11" s="27">
        <v>7</v>
      </c>
      <c r="D11" s="27">
        <v>1</v>
      </c>
      <c r="E11" s="27">
        <v>3</v>
      </c>
      <c r="F11" s="27">
        <v>12</v>
      </c>
    </row>
    <row r="12" spans="1:18">
      <c r="A12" s="99"/>
      <c r="B12" s="21">
        <v>8.3000000000000004E-2</v>
      </c>
      <c r="C12" s="21">
        <v>0.58299999999999996</v>
      </c>
      <c r="D12" s="21">
        <v>8.3000000000000004E-2</v>
      </c>
      <c r="E12" s="21">
        <v>0.25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595</v>
      </c>
      <c r="C13" s="20">
        <v>3909</v>
      </c>
      <c r="D13" s="20">
        <v>822</v>
      </c>
      <c r="E13" s="20">
        <v>570</v>
      </c>
      <c r="F13" s="20">
        <v>5896</v>
      </c>
    </row>
    <row r="14" spans="1:18">
      <c r="A14" s="74"/>
      <c r="B14" s="21">
        <v>0.10100000000000001</v>
      </c>
      <c r="C14" s="21">
        <v>0.66300000000000003</v>
      </c>
      <c r="D14" s="21">
        <v>0.13900000000000001</v>
      </c>
      <c r="E14" s="21">
        <v>9.7000000000000003E-2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71" t="s">
        <v>591</v>
      </c>
      <c r="B15" s="96"/>
      <c r="C15" s="96"/>
      <c r="D15" s="96"/>
      <c r="E15" s="96"/>
      <c r="F15" s="96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8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7">
      <c r="A1" s="70" t="s">
        <v>402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19</v>
      </c>
      <c r="B3" s="76" t="s">
        <v>116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26</v>
      </c>
      <c r="B5" s="20">
        <v>1017</v>
      </c>
      <c r="C5" s="20">
        <v>743</v>
      </c>
      <c r="D5" s="20">
        <v>7</v>
      </c>
      <c r="E5" s="20">
        <v>1767</v>
      </c>
    </row>
    <row r="6" spans="1:17">
      <c r="A6" s="77"/>
      <c r="B6" s="21">
        <v>0.57599999999999996</v>
      </c>
      <c r="C6" s="21">
        <v>0.42</v>
      </c>
      <c r="D6" s="21">
        <v>4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220</v>
      </c>
      <c r="B7" s="20">
        <v>2037</v>
      </c>
      <c r="C7" s="20">
        <v>1525</v>
      </c>
      <c r="D7" s="20">
        <v>24</v>
      </c>
      <c r="E7" s="20">
        <v>3586</v>
      </c>
    </row>
    <row r="8" spans="1:17">
      <c r="A8" s="74"/>
      <c r="B8" s="21">
        <v>0.56799999999999995</v>
      </c>
      <c r="C8" s="21">
        <v>0.42499999999999999</v>
      </c>
      <c r="D8" s="21">
        <v>7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21</v>
      </c>
      <c r="B9" s="24">
        <v>414</v>
      </c>
      <c r="C9" s="24">
        <v>288</v>
      </c>
      <c r="D9" s="24">
        <v>2</v>
      </c>
      <c r="E9" s="24">
        <v>704</v>
      </c>
      <c r="J9" s="22"/>
      <c r="K9" s="22"/>
      <c r="L9" s="22"/>
      <c r="M9" s="22"/>
      <c r="N9" s="22"/>
    </row>
    <row r="10" spans="1:17">
      <c r="A10" s="74"/>
      <c r="B10" s="21">
        <v>0.58799999999999997</v>
      </c>
      <c r="C10" s="21">
        <v>0.40899999999999997</v>
      </c>
      <c r="D10" s="21">
        <v>3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7</v>
      </c>
      <c r="C11" s="24">
        <v>6</v>
      </c>
      <c r="D11" s="24">
        <v>0</v>
      </c>
      <c r="E11" s="24">
        <v>13</v>
      </c>
    </row>
    <row r="12" spans="1:17">
      <c r="A12" s="99"/>
      <c r="B12" s="21">
        <v>0.53800000000000003</v>
      </c>
      <c r="C12" s="21">
        <v>0.46200000000000002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3475</v>
      </c>
      <c r="C13" s="20">
        <v>2562</v>
      </c>
      <c r="D13" s="20">
        <v>33</v>
      </c>
      <c r="E13" s="20">
        <v>6070</v>
      </c>
    </row>
    <row r="14" spans="1:17">
      <c r="A14" s="74"/>
      <c r="B14" s="21">
        <v>0.57199999999999995</v>
      </c>
      <c r="C14" s="21">
        <v>0.42199999999999999</v>
      </c>
      <c r="D14" s="21">
        <v>5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71" t="s">
        <v>45</v>
      </c>
      <c r="B15" s="96"/>
      <c r="C15" s="96"/>
      <c r="D15" s="96"/>
      <c r="E15" s="96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  <c r="J16" s="22"/>
      <c r="K16" s="22"/>
      <c r="L16" s="22"/>
      <c r="M16" s="22"/>
      <c r="N16" s="22"/>
      <c r="O16" s="2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9"/>
  <dimension ref="A1:Q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2" width="17.125" style="18" bestFit="1" customWidth="1"/>
    <col min="3" max="3" width="22.875" style="18" customWidth="1"/>
    <col min="4" max="5" width="9" style="18" customWidth="1"/>
    <col min="6" max="16384" width="9" style="18"/>
  </cols>
  <sheetData>
    <row r="1" spans="1:17">
      <c r="A1" s="70" t="s">
        <v>403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19</v>
      </c>
      <c r="B3" s="76" t="s">
        <v>117</v>
      </c>
      <c r="C3" s="76"/>
      <c r="D3" s="76"/>
      <c r="E3" s="76"/>
    </row>
    <row r="4" spans="1:17" ht="28.5">
      <c r="A4" s="84"/>
      <c r="B4" s="11" t="s">
        <v>187</v>
      </c>
      <c r="C4" s="11" t="s">
        <v>49</v>
      </c>
      <c r="D4" s="11" t="s">
        <v>22</v>
      </c>
      <c r="E4" s="11" t="s">
        <v>15</v>
      </c>
    </row>
    <row r="5" spans="1:17">
      <c r="A5" s="73" t="s">
        <v>26</v>
      </c>
      <c r="B5" s="20">
        <v>1152</v>
      </c>
      <c r="C5" s="20">
        <v>615</v>
      </c>
      <c r="D5" s="20">
        <v>0</v>
      </c>
      <c r="E5" s="20">
        <v>1767</v>
      </c>
    </row>
    <row r="6" spans="1:17">
      <c r="A6" s="77"/>
      <c r="B6" s="21">
        <v>0.65200000000000002</v>
      </c>
      <c r="C6" s="21">
        <v>0.34799999999999998</v>
      </c>
      <c r="D6" s="21">
        <v>0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220</v>
      </c>
      <c r="B7" s="20">
        <v>2395</v>
      </c>
      <c r="C7" s="20">
        <v>1186</v>
      </c>
      <c r="D7" s="20">
        <v>5</v>
      </c>
      <c r="E7" s="20">
        <v>3586</v>
      </c>
    </row>
    <row r="8" spans="1:17">
      <c r="A8" s="79"/>
      <c r="B8" s="21">
        <v>0.66800000000000004</v>
      </c>
      <c r="C8" s="21">
        <v>0.33100000000000002</v>
      </c>
      <c r="D8" s="21">
        <v>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221</v>
      </c>
      <c r="B9" s="24">
        <v>482</v>
      </c>
      <c r="C9" s="24">
        <v>222</v>
      </c>
      <c r="D9" s="24">
        <v>0</v>
      </c>
      <c r="E9" s="24">
        <v>704</v>
      </c>
      <c r="J9" s="22"/>
      <c r="K9" s="22"/>
      <c r="L9" s="22"/>
      <c r="M9" s="22"/>
      <c r="N9" s="22"/>
    </row>
    <row r="10" spans="1:17">
      <c r="A10" s="79"/>
      <c r="B10" s="21">
        <v>0.68500000000000005</v>
      </c>
      <c r="C10" s="21">
        <v>0.315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9</v>
      </c>
      <c r="C11" s="24">
        <v>4</v>
      </c>
      <c r="D11" s="24">
        <v>0</v>
      </c>
      <c r="E11" s="24">
        <v>13</v>
      </c>
    </row>
    <row r="12" spans="1:17">
      <c r="A12" s="99"/>
      <c r="B12" s="21">
        <v>0.69199999999999995</v>
      </c>
      <c r="C12" s="21">
        <v>0.308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4038</v>
      </c>
      <c r="C13" s="20">
        <v>2027</v>
      </c>
      <c r="D13" s="20">
        <v>5</v>
      </c>
      <c r="E13" s="20">
        <v>6070</v>
      </c>
    </row>
    <row r="14" spans="1:17">
      <c r="A14" s="74"/>
      <c r="B14" s="21">
        <v>0.66500000000000004</v>
      </c>
      <c r="C14" s="21">
        <v>0.33400000000000002</v>
      </c>
      <c r="D14" s="21">
        <v>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80" t="s">
        <v>50</v>
      </c>
      <c r="B15" s="98"/>
      <c r="C15" s="98"/>
      <c r="D15" s="98"/>
      <c r="E15" s="98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  <c r="J16" s="22"/>
      <c r="K16" s="22"/>
      <c r="L16" s="22"/>
      <c r="M16" s="22"/>
      <c r="N16" s="22"/>
      <c r="O16" s="2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0"/>
  <dimension ref="A1:R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13.875" style="18" bestFit="1" customWidth="1"/>
    <col min="4" max="4" width="9.5" style="18" bestFit="1" customWidth="1"/>
    <col min="5" max="6" width="9" style="18" customWidth="1"/>
    <col min="7" max="16384" width="9" style="18"/>
  </cols>
  <sheetData>
    <row r="1" spans="1:18">
      <c r="A1" s="70" t="s">
        <v>404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19</v>
      </c>
      <c r="B3" s="76" t="s">
        <v>118</v>
      </c>
      <c r="C3" s="76"/>
      <c r="D3" s="76"/>
      <c r="E3" s="76"/>
      <c r="F3" s="76"/>
    </row>
    <row r="4" spans="1:18">
      <c r="A4" s="84"/>
      <c r="B4" s="11" t="s">
        <v>52</v>
      </c>
      <c r="C4" s="11" t="s">
        <v>53</v>
      </c>
      <c r="D4" s="11" t="s">
        <v>54</v>
      </c>
      <c r="E4" s="11" t="s">
        <v>22</v>
      </c>
      <c r="F4" s="11" t="s">
        <v>15</v>
      </c>
    </row>
    <row r="5" spans="1:18">
      <c r="A5" s="73" t="s">
        <v>26</v>
      </c>
      <c r="B5" s="20">
        <v>127</v>
      </c>
      <c r="C5" s="20">
        <v>793</v>
      </c>
      <c r="D5" s="20">
        <v>846</v>
      </c>
      <c r="E5" s="20">
        <v>1</v>
      </c>
      <c r="F5" s="20">
        <v>1767</v>
      </c>
    </row>
    <row r="6" spans="1:18">
      <c r="A6" s="77"/>
      <c r="B6" s="21">
        <v>7.1999999999999995E-2</v>
      </c>
      <c r="C6" s="21">
        <v>0.44900000000000001</v>
      </c>
      <c r="D6" s="21">
        <v>0.47899999999999998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220</v>
      </c>
      <c r="B7" s="20">
        <v>345</v>
      </c>
      <c r="C7" s="20">
        <v>1623</v>
      </c>
      <c r="D7" s="20">
        <v>1616</v>
      </c>
      <c r="E7" s="20">
        <v>2</v>
      </c>
      <c r="F7" s="20">
        <v>3586</v>
      </c>
    </row>
    <row r="8" spans="1:18">
      <c r="A8" s="79"/>
      <c r="B8" s="21">
        <v>9.6000000000000002E-2</v>
      </c>
      <c r="C8" s="21">
        <v>0.45300000000000001</v>
      </c>
      <c r="D8" s="21">
        <v>0.45100000000000001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1</v>
      </c>
      <c r="B9" s="24">
        <v>79</v>
      </c>
      <c r="C9" s="24">
        <v>318</v>
      </c>
      <c r="D9" s="24">
        <v>307</v>
      </c>
      <c r="E9" s="24">
        <v>0</v>
      </c>
      <c r="F9" s="24">
        <v>704</v>
      </c>
      <c r="K9" s="22"/>
      <c r="L9" s="22"/>
      <c r="M9" s="22"/>
      <c r="N9" s="22"/>
      <c r="O9" s="22"/>
    </row>
    <row r="10" spans="1:18">
      <c r="A10" s="79"/>
      <c r="B10" s="21">
        <v>0.112</v>
      </c>
      <c r="C10" s="21">
        <v>0.45200000000000001</v>
      </c>
      <c r="D10" s="21">
        <v>0.436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2</v>
      </c>
      <c r="C11" s="24">
        <v>6</v>
      </c>
      <c r="D11" s="24">
        <v>5</v>
      </c>
      <c r="E11" s="24">
        <v>0</v>
      </c>
      <c r="F11" s="24">
        <v>13</v>
      </c>
    </row>
    <row r="12" spans="1:18">
      <c r="A12" s="99"/>
      <c r="B12" s="21">
        <v>0.154</v>
      </c>
      <c r="C12" s="21">
        <v>0.46200000000000002</v>
      </c>
      <c r="D12" s="21">
        <v>0.38500000000000001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553</v>
      </c>
      <c r="C13" s="20">
        <v>2740</v>
      </c>
      <c r="D13" s="20">
        <v>2774</v>
      </c>
      <c r="E13" s="20">
        <v>3</v>
      </c>
      <c r="F13" s="20">
        <v>6070</v>
      </c>
    </row>
    <row r="14" spans="1:18">
      <c r="A14" s="74"/>
      <c r="B14" s="21">
        <v>9.0999999999999998E-2</v>
      </c>
      <c r="C14" s="21">
        <v>0.45100000000000001</v>
      </c>
      <c r="D14" s="21">
        <v>0.45700000000000002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80" t="s">
        <v>58</v>
      </c>
      <c r="B15" s="98"/>
      <c r="C15" s="98"/>
      <c r="D15" s="98"/>
      <c r="E15" s="98"/>
      <c r="F15" s="98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1"/>
  <dimension ref="A1:T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8" width="8.875" style="18" customWidth="1"/>
    <col min="9" max="16384" width="9" style="18"/>
  </cols>
  <sheetData>
    <row r="1" spans="1:20">
      <c r="A1" s="70" t="s">
        <v>405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84" t="s">
        <v>219</v>
      </c>
      <c r="B3" s="76" t="s">
        <v>119</v>
      </c>
      <c r="C3" s="76"/>
      <c r="D3" s="76"/>
      <c r="E3" s="76"/>
      <c r="F3" s="76"/>
      <c r="G3" s="76"/>
      <c r="H3" s="76"/>
    </row>
    <row r="4" spans="1:20" ht="42.75">
      <c r="A4" s="84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1" t="s">
        <v>15</v>
      </c>
    </row>
    <row r="5" spans="1:20">
      <c r="A5" s="73" t="s">
        <v>26</v>
      </c>
      <c r="B5" s="20">
        <v>173</v>
      </c>
      <c r="C5" s="20">
        <v>467</v>
      </c>
      <c r="D5" s="20">
        <v>296</v>
      </c>
      <c r="E5" s="20">
        <v>534</v>
      </c>
      <c r="F5" s="20">
        <v>295</v>
      </c>
      <c r="G5" s="20">
        <v>2</v>
      </c>
      <c r="H5" s="20">
        <v>1767</v>
      </c>
    </row>
    <row r="6" spans="1:20">
      <c r="A6" s="77"/>
      <c r="B6" s="21">
        <v>9.8000000000000004E-2</v>
      </c>
      <c r="C6" s="21">
        <v>0.26400000000000001</v>
      </c>
      <c r="D6" s="21">
        <v>0.16800000000000001</v>
      </c>
      <c r="E6" s="21">
        <v>0.30199999999999999</v>
      </c>
      <c r="F6" s="21">
        <v>0.16700000000000001</v>
      </c>
      <c r="G6" s="21">
        <v>1E-3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 s="23" customFormat="1">
      <c r="A7" s="78" t="s">
        <v>220</v>
      </c>
      <c r="B7" s="20">
        <v>343</v>
      </c>
      <c r="C7" s="20">
        <v>903</v>
      </c>
      <c r="D7" s="20">
        <v>722</v>
      </c>
      <c r="E7" s="20">
        <v>1061</v>
      </c>
      <c r="F7" s="20">
        <v>557</v>
      </c>
      <c r="G7" s="20">
        <v>0</v>
      </c>
      <c r="H7" s="20">
        <v>3586</v>
      </c>
    </row>
    <row r="8" spans="1:20">
      <c r="A8" s="79"/>
      <c r="B8" s="21">
        <v>9.6000000000000002E-2</v>
      </c>
      <c r="C8" s="21">
        <v>0.252</v>
      </c>
      <c r="D8" s="21">
        <v>0.20100000000000001</v>
      </c>
      <c r="E8" s="21">
        <v>0.29599999999999999</v>
      </c>
      <c r="F8" s="21">
        <v>0.155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78" t="s">
        <v>221</v>
      </c>
      <c r="B9" s="24">
        <v>99</v>
      </c>
      <c r="C9" s="24">
        <v>160</v>
      </c>
      <c r="D9" s="24">
        <v>116</v>
      </c>
      <c r="E9" s="24">
        <v>213</v>
      </c>
      <c r="F9" s="24">
        <v>116</v>
      </c>
      <c r="G9" s="24">
        <v>0</v>
      </c>
      <c r="H9" s="24">
        <v>704</v>
      </c>
      <c r="M9" s="22"/>
      <c r="N9" s="22"/>
      <c r="O9" s="22"/>
      <c r="P9" s="22"/>
      <c r="Q9" s="22"/>
    </row>
    <row r="10" spans="1:20">
      <c r="A10" s="79"/>
      <c r="B10" s="21">
        <v>0.14099999999999999</v>
      </c>
      <c r="C10" s="21">
        <v>0.22700000000000001</v>
      </c>
      <c r="D10" s="21">
        <v>0.16500000000000001</v>
      </c>
      <c r="E10" s="21">
        <v>0.30299999999999999</v>
      </c>
      <c r="F10" s="21">
        <v>0.16500000000000001</v>
      </c>
      <c r="G10" s="21">
        <v>0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>
      <c r="A11" s="95" t="s">
        <v>22</v>
      </c>
      <c r="B11" s="27">
        <v>2</v>
      </c>
      <c r="C11" s="27">
        <v>0</v>
      </c>
      <c r="D11" s="27">
        <v>1</v>
      </c>
      <c r="E11" s="27">
        <v>8</v>
      </c>
      <c r="F11" s="27">
        <v>2</v>
      </c>
      <c r="G11" s="27">
        <v>0</v>
      </c>
      <c r="H11" s="27">
        <v>13</v>
      </c>
    </row>
    <row r="12" spans="1:20">
      <c r="A12" s="99"/>
      <c r="B12" s="21">
        <v>0.154</v>
      </c>
      <c r="C12" s="21">
        <v>0</v>
      </c>
      <c r="D12" s="21">
        <v>7.6999999999999999E-2</v>
      </c>
      <c r="E12" s="21">
        <v>0.61499999999999999</v>
      </c>
      <c r="F12" s="21">
        <v>0.154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 s="23" customFormat="1">
      <c r="A13" s="73" t="s">
        <v>15</v>
      </c>
      <c r="B13" s="20">
        <v>617</v>
      </c>
      <c r="C13" s="20">
        <v>1530</v>
      </c>
      <c r="D13" s="20">
        <v>1135</v>
      </c>
      <c r="E13" s="20">
        <v>1816</v>
      </c>
      <c r="F13" s="20">
        <v>970</v>
      </c>
      <c r="G13" s="20">
        <v>2</v>
      </c>
      <c r="H13" s="20">
        <v>6070</v>
      </c>
    </row>
    <row r="14" spans="1:20">
      <c r="A14" s="74"/>
      <c r="B14" s="21">
        <v>0.10199999999999999</v>
      </c>
      <c r="C14" s="21">
        <v>0.252</v>
      </c>
      <c r="D14" s="21">
        <v>0.187</v>
      </c>
      <c r="E14" s="21">
        <v>0.29899999999999999</v>
      </c>
      <c r="F14" s="21">
        <v>0.16</v>
      </c>
      <c r="G14" s="21">
        <v>0</v>
      </c>
      <c r="H14" s="21">
        <v>1</v>
      </c>
      <c r="M14" s="22"/>
      <c r="N14" s="22"/>
      <c r="O14" s="22"/>
      <c r="P14" s="22"/>
      <c r="Q14" s="22"/>
      <c r="R14" s="22"/>
      <c r="S14" s="22"/>
      <c r="T14" s="22"/>
    </row>
    <row r="15" spans="1:20">
      <c r="A15" s="71" t="s">
        <v>65</v>
      </c>
      <c r="B15" s="96"/>
      <c r="C15" s="96"/>
      <c r="D15" s="96"/>
      <c r="E15" s="96"/>
      <c r="F15" s="96"/>
      <c r="G15" s="96"/>
      <c r="H15" s="96"/>
      <c r="M15" s="22"/>
      <c r="N15" s="22"/>
      <c r="O15" s="22"/>
      <c r="P15" s="22"/>
      <c r="Q15" s="22"/>
    </row>
    <row r="16" spans="1:20">
      <c r="A16" s="25"/>
      <c r="B16" s="25"/>
      <c r="C16" s="25"/>
      <c r="D16" s="25"/>
      <c r="E16" s="25"/>
      <c r="F16" s="25"/>
      <c r="G16" s="25"/>
      <c r="H16" s="25"/>
      <c r="M16" s="22"/>
      <c r="N16" s="22"/>
      <c r="O16" s="22"/>
      <c r="P16" s="22"/>
      <c r="Q16" s="22"/>
      <c r="R16" s="22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2"/>
  <dimension ref="A1:S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4" width="9" style="18" customWidth="1"/>
    <col min="5" max="5" width="13.875" style="18" bestFit="1" customWidth="1"/>
    <col min="6" max="7" width="9" style="18" customWidth="1"/>
    <col min="8" max="16384" width="9" style="18"/>
  </cols>
  <sheetData>
    <row r="1" spans="1:19">
      <c r="A1" s="70" t="s">
        <v>406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19</v>
      </c>
      <c r="B3" s="76" t="s">
        <v>120</v>
      </c>
      <c r="C3" s="76"/>
      <c r="D3" s="76"/>
      <c r="E3" s="76"/>
      <c r="F3" s="76"/>
      <c r="G3" s="76"/>
    </row>
    <row r="4" spans="1:19" ht="42.75">
      <c r="A4" s="84"/>
      <c r="B4" s="11" t="s">
        <v>69</v>
      </c>
      <c r="C4" s="11" t="s">
        <v>53</v>
      </c>
      <c r="D4" s="11" t="s">
        <v>54</v>
      </c>
      <c r="E4" s="11" t="s">
        <v>190</v>
      </c>
      <c r="F4" s="11" t="s">
        <v>22</v>
      </c>
      <c r="G4" s="11" t="s">
        <v>15</v>
      </c>
    </row>
    <row r="5" spans="1:19">
      <c r="A5" s="73" t="s">
        <v>26</v>
      </c>
      <c r="B5" s="20">
        <v>689</v>
      </c>
      <c r="C5" s="20">
        <v>183</v>
      </c>
      <c r="D5" s="20">
        <v>94</v>
      </c>
      <c r="E5" s="20">
        <v>796</v>
      </c>
      <c r="F5" s="20">
        <v>5</v>
      </c>
      <c r="G5" s="20">
        <v>1767</v>
      </c>
    </row>
    <row r="6" spans="1:19">
      <c r="A6" s="77"/>
      <c r="B6" s="21">
        <v>0.39</v>
      </c>
      <c r="C6" s="21">
        <v>0.104</v>
      </c>
      <c r="D6" s="21">
        <v>5.2999999999999999E-2</v>
      </c>
      <c r="E6" s="21">
        <v>0.45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8" t="s">
        <v>220</v>
      </c>
      <c r="B7" s="20">
        <v>1434</v>
      </c>
      <c r="C7" s="20">
        <v>322</v>
      </c>
      <c r="D7" s="20">
        <v>226</v>
      </c>
      <c r="E7" s="20">
        <v>1598</v>
      </c>
      <c r="F7" s="20">
        <v>6</v>
      </c>
      <c r="G7" s="20">
        <v>3586</v>
      </c>
    </row>
    <row r="8" spans="1:19">
      <c r="A8" s="79"/>
      <c r="B8" s="21">
        <v>0.4</v>
      </c>
      <c r="C8" s="21">
        <v>0.09</v>
      </c>
      <c r="D8" s="21">
        <v>6.3E-2</v>
      </c>
      <c r="E8" s="21">
        <v>0.44600000000000001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1</v>
      </c>
      <c r="B9" s="24">
        <v>276</v>
      </c>
      <c r="C9" s="24">
        <v>56</v>
      </c>
      <c r="D9" s="24">
        <v>48</v>
      </c>
      <c r="E9" s="24">
        <v>323</v>
      </c>
      <c r="F9" s="24">
        <v>1</v>
      </c>
      <c r="G9" s="24">
        <v>704</v>
      </c>
      <c r="L9" s="22"/>
      <c r="M9" s="22"/>
      <c r="N9" s="22"/>
      <c r="O9" s="22"/>
      <c r="P9" s="22"/>
    </row>
    <row r="10" spans="1:19">
      <c r="A10" s="79"/>
      <c r="B10" s="21">
        <v>0.39200000000000002</v>
      </c>
      <c r="C10" s="21">
        <v>0.08</v>
      </c>
      <c r="D10" s="21">
        <v>6.8000000000000005E-2</v>
      </c>
      <c r="E10" s="21">
        <v>0.45900000000000002</v>
      </c>
      <c r="F10" s="21">
        <v>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5</v>
      </c>
      <c r="C11" s="24">
        <v>1</v>
      </c>
      <c r="D11" s="24">
        <v>0</v>
      </c>
      <c r="E11" s="24">
        <v>7</v>
      </c>
      <c r="F11" s="24">
        <v>0</v>
      </c>
      <c r="G11" s="24">
        <v>13</v>
      </c>
    </row>
    <row r="12" spans="1:19">
      <c r="A12" s="99"/>
      <c r="B12" s="21">
        <v>0.38500000000000001</v>
      </c>
      <c r="C12" s="21">
        <v>7.6999999999999999E-2</v>
      </c>
      <c r="D12" s="21">
        <v>0</v>
      </c>
      <c r="E12" s="21">
        <v>0.53800000000000003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2404</v>
      </c>
      <c r="C13" s="20">
        <v>562</v>
      </c>
      <c r="D13" s="20">
        <v>368</v>
      </c>
      <c r="E13" s="20">
        <v>2724</v>
      </c>
      <c r="F13" s="20">
        <v>12</v>
      </c>
      <c r="G13" s="20">
        <v>6070</v>
      </c>
    </row>
    <row r="14" spans="1:19">
      <c r="A14" s="74"/>
      <c r="B14" s="21">
        <v>0.39600000000000002</v>
      </c>
      <c r="C14" s="21">
        <v>9.2999999999999999E-2</v>
      </c>
      <c r="D14" s="21">
        <v>6.0999999999999999E-2</v>
      </c>
      <c r="E14" s="21">
        <v>0.44900000000000001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ht="29.25" customHeight="1">
      <c r="A15" s="80" t="s">
        <v>71</v>
      </c>
      <c r="B15" s="98"/>
      <c r="C15" s="98"/>
      <c r="D15" s="98"/>
      <c r="E15" s="98"/>
      <c r="F15" s="98"/>
      <c r="G15" s="98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3"/>
  <dimension ref="A1:R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07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19</v>
      </c>
      <c r="B3" s="76" t="s">
        <v>121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>
      <c r="A5" s="73" t="s">
        <v>26</v>
      </c>
      <c r="B5" s="20">
        <v>508</v>
      </c>
      <c r="C5" s="20">
        <v>593</v>
      </c>
      <c r="D5" s="20">
        <v>660</v>
      </c>
      <c r="E5" s="20">
        <v>6</v>
      </c>
      <c r="F5" s="20">
        <v>1767</v>
      </c>
    </row>
    <row r="6" spans="1:18">
      <c r="A6" s="77"/>
      <c r="B6" s="21">
        <v>0.28699999999999998</v>
      </c>
      <c r="C6" s="21">
        <v>0.33600000000000002</v>
      </c>
      <c r="D6" s="21">
        <v>0.374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220</v>
      </c>
      <c r="B7" s="20">
        <v>948</v>
      </c>
      <c r="C7" s="20">
        <v>1287</v>
      </c>
      <c r="D7" s="20">
        <v>1349</v>
      </c>
      <c r="E7" s="20">
        <v>2</v>
      </c>
      <c r="F7" s="20">
        <v>3586</v>
      </c>
    </row>
    <row r="8" spans="1:18">
      <c r="A8" s="79"/>
      <c r="B8" s="21">
        <v>0.26400000000000001</v>
      </c>
      <c r="C8" s="21">
        <v>0.35899999999999999</v>
      </c>
      <c r="D8" s="21">
        <v>0.376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1</v>
      </c>
      <c r="B9" s="24">
        <v>205</v>
      </c>
      <c r="C9" s="24">
        <v>253</v>
      </c>
      <c r="D9" s="24">
        <v>245</v>
      </c>
      <c r="E9" s="24">
        <v>1</v>
      </c>
      <c r="F9" s="24">
        <v>704</v>
      </c>
      <c r="K9" s="22"/>
      <c r="L9" s="22"/>
      <c r="M9" s="22"/>
      <c r="N9" s="22"/>
      <c r="O9" s="22"/>
    </row>
    <row r="10" spans="1:18">
      <c r="A10" s="79"/>
      <c r="B10" s="21">
        <v>0.29099999999999998</v>
      </c>
      <c r="C10" s="21">
        <v>0.35899999999999999</v>
      </c>
      <c r="D10" s="21">
        <v>0.34799999999999998</v>
      </c>
      <c r="E10" s="21">
        <v>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4</v>
      </c>
      <c r="C11" s="24">
        <v>3</v>
      </c>
      <c r="D11" s="24">
        <v>6</v>
      </c>
      <c r="E11" s="24">
        <v>0</v>
      </c>
      <c r="F11" s="24">
        <v>13</v>
      </c>
    </row>
    <row r="12" spans="1:18">
      <c r="A12" s="99"/>
      <c r="B12" s="21">
        <v>0.308</v>
      </c>
      <c r="C12" s="21">
        <v>0.23100000000000001</v>
      </c>
      <c r="D12" s="21">
        <v>0.46200000000000002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1665</v>
      </c>
      <c r="C13" s="20">
        <v>2136</v>
      </c>
      <c r="D13" s="20">
        <v>2260</v>
      </c>
      <c r="E13" s="20">
        <v>9</v>
      </c>
      <c r="F13" s="20">
        <v>6070</v>
      </c>
    </row>
    <row r="14" spans="1:18">
      <c r="A14" s="74"/>
      <c r="B14" s="21">
        <v>0.27400000000000002</v>
      </c>
      <c r="C14" s="21">
        <v>0.35199999999999998</v>
      </c>
      <c r="D14" s="21">
        <v>0.372</v>
      </c>
      <c r="E14" s="21">
        <v>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71" t="s">
        <v>75</v>
      </c>
      <c r="B15" s="71"/>
      <c r="C15" s="71"/>
      <c r="D15" s="71"/>
      <c r="E15" s="71"/>
      <c r="F15" s="71"/>
      <c r="K15" s="22"/>
      <c r="L15" s="22"/>
      <c r="M15" s="22"/>
      <c r="N15" s="22"/>
      <c r="O15" s="22"/>
    </row>
    <row r="16" spans="1:18">
      <c r="A16" s="81"/>
      <c r="B16" s="81"/>
      <c r="C16" s="81"/>
      <c r="D16" s="81"/>
      <c r="E16" s="81"/>
      <c r="F16" s="81"/>
      <c r="K16" s="22"/>
      <c r="L16" s="22"/>
      <c r="M16" s="22"/>
      <c r="N16" s="22"/>
      <c r="O16" s="22"/>
      <c r="P16" s="2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1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4"/>
  <dimension ref="A1:R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9" style="18" customWidth="1"/>
    <col min="4" max="4" width="11.625" style="18" bestFit="1" customWidth="1"/>
    <col min="5" max="6" width="9" style="18" customWidth="1"/>
    <col min="7" max="16384" width="9" style="18"/>
  </cols>
  <sheetData>
    <row r="1" spans="1:18">
      <c r="A1" s="70" t="s">
        <v>408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19</v>
      </c>
      <c r="B3" s="76" t="s">
        <v>122</v>
      </c>
      <c r="C3" s="76"/>
      <c r="D3" s="76"/>
      <c r="E3" s="76"/>
      <c r="F3" s="76"/>
    </row>
    <row r="4" spans="1:18">
      <c r="A4" s="84"/>
      <c r="B4" s="11" t="s">
        <v>43</v>
      </c>
      <c r="C4" s="11" t="s">
        <v>44</v>
      </c>
      <c r="D4" s="11" t="s">
        <v>223</v>
      </c>
      <c r="E4" s="11" t="s">
        <v>22</v>
      </c>
      <c r="F4" s="11" t="s">
        <v>15</v>
      </c>
    </row>
    <row r="5" spans="1:18">
      <c r="A5" s="73" t="s">
        <v>26</v>
      </c>
      <c r="B5" s="20">
        <v>930</v>
      </c>
      <c r="C5" s="20">
        <v>144</v>
      </c>
      <c r="D5" s="20">
        <v>684</v>
      </c>
      <c r="E5" s="20">
        <v>9</v>
      </c>
      <c r="F5" s="20">
        <v>1767</v>
      </c>
    </row>
    <row r="6" spans="1:18">
      <c r="A6" s="77"/>
      <c r="B6" s="21">
        <v>0.52600000000000002</v>
      </c>
      <c r="C6" s="21">
        <v>8.1000000000000003E-2</v>
      </c>
      <c r="D6" s="21">
        <v>0.38700000000000001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220</v>
      </c>
      <c r="B7" s="20">
        <v>1927</v>
      </c>
      <c r="C7" s="20">
        <v>284</v>
      </c>
      <c r="D7" s="20">
        <v>1366</v>
      </c>
      <c r="E7" s="20">
        <v>9</v>
      </c>
      <c r="F7" s="20">
        <v>3586</v>
      </c>
    </row>
    <row r="8" spans="1:18">
      <c r="A8" s="79"/>
      <c r="B8" s="21">
        <v>0.53700000000000003</v>
      </c>
      <c r="C8" s="21">
        <v>7.9000000000000001E-2</v>
      </c>
      <c r="D8" s="21">
        <v>0.38100000000000001</v>
      </c>
      <c r="E8" s="21">
        <v>3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1</v>
      </c>
      <c r="B9" s="24">
        <v>399</v>
      </c>
      <c r="C9" s="24">
        <v>42</v>
      </c>
      <c r="D9" s="24">
        <v>261</v>
      </c>
      <c r="E9" s="24">
        <v>2</v>
      </c>
      <c r="F9" s="24">
        <v>704</v>
      </c>
      <c r="K9" s="22"/>
      <c r="L9" s="22"/>
      <c r="M9" s="22"/>
      <c r="N9" s="22"/>
      <c r="O9" s="22"/>
    </row>
    <row r="10" spans="1:18">
      <c r="A10" s="79"/>
      <c r="B10" s="21">
        <v>0.56699999999999995</v>
      </c>
      <c r="C10" s="21">
        <v>0.06</v>
      </c>
      <c r="D10" s="21">
        <v>0.371</v>
      </c>
      <c r="E10" s="21">
        <v>3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7</v>
      </c>
      <c r="C11" s="24">
        <v>2</v>
      </c>
      <c r="D11" s="24">
        <v>4</v>
      </c>
      <c r="E11" s="24">
        <v>0</v>
      </c>
      <c r="F11" s="24">
        <v>13</v>
      </c>
    </row>
    <row r="12" spans="1:18">
      <c r="A12" s="99"/>
      <c r="B12" s="21">
        <v>0.53800000000000003</v>
      </c>
      <c r="C12" s="21">
        <v>0.154</v>
      </c>
      <c r="D12" s="21">
        <v>0.308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3263</v>
      </c>
      <c r="C13" s="20">
        <v>472</v>
      </c>
      <c r="D13" s="20">
        <v>2315</v>
      </c>
      <c r="E13" s="20">
        <v>20</v>
      </c>
      <c r="F13" s="20">
        <v>6070</v>
      </c>
    </row>
    <row r="14" spans="1:18">
      <c r="A14" s="74"/>
      <c r="B14" s="21">
        <v>0.53800000000000003</v>
      </c>
      <c r="C14" s="21">
        <v>7.8E-2</v>
      </c>
      <c r="D14" s="21">
        <v>0.38100000000000001</v>
      </c>
      <c r="E14" s="21">
        <v>3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71" t="s">
        <v>239</v>
      </c>
      <c r="B15" s="71"/>
      <c r="C15" s="71"/>
      <c r="D15" s="71"/>
      <c r="E15" s="71"/>
      <c r="F15" s="71"/>
      <c r="K15" s="22"/>
      <c r="L15" s="22"/>
      <c r="M15" s="22"/>
      <c r="N15" s="22"/>
      <c r="O15" s="22"/>
    </row>
    <row r="16" spans="1:18">
      <c r="A16" s="81"/>
      <c r="B16" s="81"/>
      <c r="C16" s="81"/>
      <c r="D16" s="81"/>
      <c r="E16" s="81"/>
      <c r="F16" s="81"/>
      <c r="K16" s="22"/>
      <c r="L16" s="22"/>
      <c r="M16" s="22"/>
      <c r="N16" s="22"/>
      <c r="O16" s="22"/>
      <c r="P16" s="2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5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7">
      <c r="A1" s="70" t="s">
        <v>409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19</v>
      </c>
      <c r="B3" s="76" t="s">
        <v>123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224</v>
      </c>
      <c r="B5" s="20">
        <v>1633</v>
      </c>
      <c r="C5" s="20">
        <v>126</v>
      </c>
      <c r="D5" s="20">
        <v>8</v>
      </c>
      <c r="E5" s="20">
        <v>1767</v>
      </c>
    </row>
    <row r="6" spans="1:17">
      <c r="A6" s="77"/>
      <c r="B6" s="21">
        <v>0.92400000000000004</v>
      </c>
      <c r="C6" s="21">
        <v>7.0999999999999994E-2</v>
      </c>
      <c r="D6" s="21">
        <v>5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220</v>
      </c>
      <c r="B7" s="20">
        <v>3365</v>
      </c>
      <c r="C7" s="20">
        <v>213</v>
      </c>
      <c r="D7" s="20">
        <v>8</v>
      </c>
      <c r="E7" s="20">
        <v>3586</v>
      </c>
    </row>
    <row r="8" spans="1:17">
      <c r="A8" s="74"/>
      <c r="B8" s="21">
        <v>0.93799999999999994</v>
      </c>
      <c r="C8" s="21">
        <v>5.8999999999999997E-2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21</v>
      </c>
      <c r="B9" s="24">
        <v>658</v>
      </c>
      <c r="C9" s="24">
        <v>45</v>
      </c>
      <c r="D9" s="24">
        <v>1</v>
      </c>
      <c r="E9" s="24">
        <v>704</v>
      </c>
      <c r="J9" s="22"/>
      <c r="K9" s="22"/>
      <c r="L9" s="22"/>
      <c r="M9" s="22"/>
      <c r="N9" s="22"/>
    </row>
    <row r="10" spans="1:17">
      <c r="A10" s="74"/>
      <c r="B10" s="21">
        <v>0.93500000000000005</v>
      </c>
      <c r="C10" s="21">
        <v>6.4000000000000001E-2</v>
      </c>
      <c r="D10" s="21">
        <v>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87" t="s">
        <v>22</v>
      </c>
      <c r="B11" s="24">
        <v>11</v>
      </c>
      <c r="C11" s="24">
        <v>2</v>
      </c>
      <c r="D11" s="24">
        <v>0</v>
      </c>
      <c r="E11" s="24">
        <v>13</v>
      </c>
      <c r="F11" s="45"/>
    </row>
    <row r="12" spans="1:17">
      <c r="A12" s="88"/>
      <c r="B12" s="21">
        <v>0.84599999999999997</v>
      </c>
      <c r="C12" s="21">
        <v>0.154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5667</v>
      </c>
      <c r="C13" s="20">
        <v>386</v>
      </c>
      <c r="D13" s="20">
        <v>17</v>
      </c>
      <c r="E13" s="20">
        <v>6070</v>
      </c>
    </row>
    <row r="14" spans="1:17">
      <c r="A14" s="74"/>
      <c r="B14" s="21">
        <v>0.93400000000000005</v>
      </c>
      <c r="C14" s="21">
        <v>6.4000000000000001E-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80" t="s">
        <v>192</v>
      </c>
      <c r="B15" s="80"/>
      <c r="C15" s="80"/>
      <c r="D15" s="80"/>
      <c r="E15" s="80"/>
      <c r="J15" s="22"/>
      <c r="K15" s="22"/>
      <c r="L15" s="22"/>
      <c r="M15" s="22"/>
      <c r="N15" s="22"/>
    </row>
    <row r="16" spans="1:17">
      <c r="A16" s="86"/>
      <c r="B16" s="86"/>
      <c r="C16" s="86"/>
      <c r="D16" s="86"/>
      <c r="E16" s="86"/>
      <c r="J16" s="22"/>
      <c r="K16" s="22"/>
      <c r="L16" s="22"/>
      <c r="M16" s="22"/>
      <c r="N16" s="22"/>
      <c r="O16" s="2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4"/>
  <dimension ref="A1:N29"/>
  <sheetViews>
    <sheetView workbookViewId="0">
      <selection activeCell="A2" sqref="A2"/>
    </sheetView>
  </sheetViews>
  <sheetFormatPr defaultColWidth="9" defaultRowHeight="14.25"/>
  <cols>
    <col min="1" max="1" width="11.625" style="18" customWidth="1"/>
    <col min="2" max="3" width="9" style="18" customWidth="1"/>
    <col min="4" max="4" width="9.875" style="18" customWidth="1"/>
    <col min="5" max="16384" width="9" style="18"/>
  </cols>
  <sheetData>
    <row r="1" spans="1:14">
      <c r="A1" s="18" t="s">
        <v>410</v>
      </c>
    </row>
    <row r="2" spans="1:14">
      <c r="A2" s="121" t="s">
        <v>613</v>
      </c>
      <c r="B2" s="36"/>
      <c r="C2" s="36"/>
    </row>
    <row r="3" spans="1:14" ht="57.75" customHeight="1">
      <c r="A3" s="84" t="s">
        <v>219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4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19</v>
      </c>
      <c r="B5" s="20">
        <v>457</v>
      </c>
      <c r="C5" s="20">
        <v>1176</v>
      </c>
      <c r="D5" s="20">
        <v>895</v>
      </c>
      <c r="E5" s="20">
        <v>738</v>
      </c>
      <c r="F5" s="20">
        <v>218</v>
      </c>
      <c r="G5" s="20">
        <v>1415</v>
      </c>
    </row>
    <row r="6" spans="1:14">
      <c r="A6" s="75"/>
      <c r="B6" s="21">
        <v>0.28000000000000003</v>
      </c>
      <c r="C6" s="21">
        <v>0.72</v>
      </c>
      <c r="D6" s="21">
        <v>0.54800000000000004</v>
      </c>
      <c r="E6" s="21">
        <v>0.45200000000000001</v>
      </c>
      <c r="F6" s="21">
        <v>0.13300000000000001</v>
      </c>
      <c r="G6" s="21">
        <v>0.86699999999999999</v>
      </c>
    </row>
    <row r="7" spans="1:14" s="23" customFormat="1">
      <c r="A7" s="84" t="s">
        <v>207</v>
      </c>
      <c r="B7" s="20">
        <v>911</v>
      </c>
      <c r="C7" s="20">
        <v>2454</v>
      </c>
      <c r="D7" s="20">
        <v>1864</v>
      </c>
      <c r="E7" s="20">
        <v>1501</v>
      </c>
      <c r="F7" s="20">
        <v>400</v>
      </c>
      <c r="G7" s="20">
        <v>2965</v>
      </c>
    </row>
    <row r="8" spans="1:14">
      <c r="A8" s="83"/>
      <c r="B8" s="21">
        <v>0.27100000000000002</v>
      </c>
      <c r="C8" s="21">
        <v>0.72899999999999998</v>
      </c>
      <c r="D8" s="21">
        <v>0.55400000000000005</v>
      </c>
      <c r="E8" s="21">
        <v>0.44600000000000001</v>
      </c>
      <c r="F8" s="21">
        <v>0.11899999999999999</v>
      </c>
      <c r="G8" s="21">
        <v>0.88100000000000001</v>
      </c>
    </row>
    <row r="9" spans="1:14" s="23" customFormat="1">
      <c r="A9" s="95" t="s">
        <v>208</v>
      </c>
      <c r="B9" s="20">
        <v>155</v>
      </c>
      <c r="C9" s="20">
        <v>503</v>
      </c>
      <c r="D9" s="20">
        <v>385</v>
      </c>
      <c r="E9" s="20">
        <v>273</v>
      </c>
      <c r="F9" s="20">
        <v>87</v>
      </c>
      <c r="G9" s="20">
        <v>571</v>
      </c>
    </row>
    <row r="10" spans="1:14">
      <c r="A10" s="88"/>
      <c r="B10" s="21">
        <v>0.23599999999999999</v>
      </c>
      <c r="C10" s="21">
        <v>0.76400000000000001</v>
      </c>
      <c r="D10" s="21">
        <v>0.58499999999999996</v>
      </c>
      <c r="E10" s="21">
        <v>0.41499999999999998</v>
      </c>
      <c r="F10" s="21">
        <v>0.13200000000000001</v>
      </c>
      <c r="G10" s="21">
        <v>0.86799999999999999</v>
      </c>
    </row>
    <row r="11" spans="1:14">
      <c r="A11" s="75" t="s">
        <v>22</v>
      </c>
      <c r="B11" s="24">
        <v>5</v>
      </c>
      <c r="C11" s="24">
        <v>6</v>
      </c>
      <c r="D11" s="24">
        <v>4</v>
      </c>
      <c r="E11" s="24">
        <v>7</v>
      </c>
      <c r="F11" s="24">
        <v>1</v>
      </c>
      <c r="G11" s="24">
        <v>10</v>
      </c>
      <c r="H11" s="22"/>
      <c r="I11" s="22"/>
      <c r="J11" s="22"/>
      <c r="K11" s="22"/>
      <c r="L11" s="22"/>
      <c r="M11" s="22"/>
      <c r="N11" s="22"/>
    </row>
    <row r="12" spans="1:14">
      <c r="A12" s="83"/>
      <c r="B12" s="21">
        <v>0.45500000000000002</v>
      </c>
      <c r="C12" s="21">
        <v>0.54500000000000004</v>
      </c>
      <c r="D12" s="21">
        <v>0.36399999999999999</v>
      </c>
      <c r="E12" s="21">
        <v>0.63600000000000001</v>
      </c>
      <c r="F12" s="21">
        <v>9.0999999999999998E-2</v>
      </c>
      <c r="G12" s="21">
        <v>0.90900000000000003</v>
      </c>
    </row>
    <row r="13" spans="1:14" s="23" customFormat="1">
      <c r="A13" s="75" t="s">
        <v>15</v>
      </c>
      <c r="B13" s="20">
        <v>1528</v>
      </c>
      <c r="C13" s="20">
        <v>4139</v>
      </c>
      <c r="D13" s="20">
        <v>3148</v>
      </c>
      <c r="E13" s="20">
        <v>2519</v>
      </c>
      <c r="F13" s="20">
        <v>706</v>
      </c>
      <c r="G13" s="20">
        <v>4961</v>
      </c>
    </row>
    <row r="14" spans="1:14">
      <c r="A14" s="83"/>
      <c r="B14" s="21">
        <v>0.27</v>
      </c>
      <c r="C14" s="21">
        <v>0.73</v>
      </c>
      <c r="D14" s="21">
        <v>0.55500000000000005</v>
      </c>
      <c r="E14" s="21">
        <v>0.44500000000000001</v>
      </c>
      <c r="F14" s="21">
        <v>0.125</v>
      </c>
      <c r="G14" s="21">
        <v>0.875</v>
      </c>
    </row>
    <row r="15" spans="1:14">
      <c r="B15" s="39"/>
      <c r="C15" s="39"/>
      <c r="D15" s="39"/>
      <c r="E15" s="39"/>
      <c r="F15" s="39"/>
      <c r="G15" s="39"/>
      <c r="H15" s="22"/>
      <c r="I15" s="22"/>
      <c r="J15" s="22"/>
      <c r="K15" s="22"/>
      <c r="L15" s="22"/>
      <c r="M15" s="22"/>
      <c r="N15" s="22"/>
    </row>
    <row r="16" spans="1:14" ht="32.1" customHeight="1">
      <c r="A16" s="84" t="s">
        <v>219</v>
      </c>
      <c r="B16" s="82" t="s">
        <v>160</v>
      </c>
      <c r="C16" s="82"/>
      <c r="D16" s="82" t="s">
        <v>161</v>
      </c>
      <c r="E16" s="82"/>
      <c r="F16" s="82" t="s">
        <v>162</v>
      </c>
      <c r="G16" s="82"/>
    </row>
    <row r="17" spans="1:7">
      <c r="A17" s="84"/>
      <c r="B17" s="11" t="s">
        <v>180</v>
      </c>
      <c r="C17" s="11" t="s">
        <v>181</v>
      </c>
      <c r="D17" s="11" t="s">
        <v>180</v>
      </c>
      <c r="E17" s="11" t="s">
        <v>181</v>
      </c>
      <c r="F17" s="11" t="s">
        <v>180</v>
      </c>
      <c r="G17" s="11" t="s">
        <v>181</v>
      </c>
    </row>
    <row r="18" spans="1:7">
      <c r="A18" s="75" t="s">
        <v>19</v>
      </c>
      <c r="B18" s="20">
        <v>347</v>
      </c>
      <c r="C18" s="20">
        <v>1286</v>
      </c>
      <c r="D18" s="20">
        <v>27</v>
      </c>
      <c r="E18" s="20">
        <v>1606</v>
      </c>
      <c r="F18" s="20">
        <v>85</v>
      </c>
      <c r="G18" s="20">
        <v>1548</v>
      </c>
    </row>
    <row r="19" spans="1:7">
      <c r="A19" s="75"/>
      <c r="B19" s="21">
        <v>0.21199999999999999</v>
      </c>
      <c r="C19" s="21">
        <v>0.78800000000000003</v>
      </c>
      <c r="D19" s="21">
        <v>1.7000000000000001E-2</v>
      </c>
      <c r="E19" s="21">
        <v>0.98299999999999998</v>
      </c>
      <c r="F19" s="21">
        <v>5.1999999999999998E-2</v>
      </c>
      <c r="G19" s="21">
        <v>0.94799999999999995</v>
      </c>
    </row>
    <row r="20" spans="1:7">
      <c r="A20" s="84" t="s">
        <v>207</v>
      </c>
      <c r="B20" s="20">
        <v>731</v>
      </c>
      <c r="C20" s="20">
        <v>2634</v>
      </c>
      <c r="D20" s="20">
        <v>44</v>
      </c>
      <c r="E20" s="20">
        <v>3321</v>
      </c>
      <c r="F20" s="20">
        <v>174</v>
      </c>
      <c r="G20" s="20">
        <v>3191</v>
      </c>
    </row>
    <row r="21" spans="1:7">
      <c r="A21" s="83"/>
      <c r="B21" s="21">
        <v>0.217</v>
      </c>
      <c r="C21" s="21">
        <v>0.78300000000000003</v>
      </c>
      <c r="D21" s="21">
        <v>1.2999999999999999E-2</v>
      </c>
      <c r="E21" s="21">
        <v>0.98699999999999999</v>
      </c>
      <c r="F21" s="21">
        <v>5.1999999999999998E-2</v>
      </c>
      <c r="G21" s="21">
        <v>0.94799999999999995</v>
      </c>
    </row>
    <row r="22" spans="1:7">
      <c r="A22" s="95" t="s">
        <v>208</v>
      </c>
      <c r="B22" s="20">
        <v>169</v>
      </c>
      <c r="C22" s="20">
        <v>489</v>
      </c>
      <c r="D22" s="20">
        <v>10</v>
      </c>
      <c r="E22" s="20">
        <v>648</v>
      </c>
      <c r="F22" s="20">
        <v>43</v>
      </c>
      <c r="G22" s="20">
        <v>615</v>
      </c>
    </row>
    <row r="23" spans="1:7">
      <c r="A23" s="88"/>
      <c r="B23" s="21">
        <v>0.25700000000000001</v>
      </c>
      <c r="C23" s="21">
        <v>0.74299999999999999</v>
      </c>
      <c r="D23" s="21">
        <v>1.4999999999999999E-2</v>
      </c>
      <c r="E23" s="21">
        <v>0.98499999999999999</v>
      </c>
      <c r="F23" s="21">
        <v>6.5000000000000002E-2</v>
      </c>
      <c r="G23" s="21">
        <v>0.93500000000000005</v>
      </c>
    </row>
    <row r="24" spans="1:7">
      <c r="A24" s="75" t="s">
        <v>22</v>
      </c>
      <c r="B24" s="24">
        <v>2</v>
      </c>
      <c r="C24" s="24">
        <v>9</v>
      </c>
      <c r="D24" s="24">
        <v>0</v>
      </c>
      <c r="E24" s="24">
        <v>11</v>
      </c>
      <c r="F24" s="24">
        <v>1</v>
      </c>
      <c r="G24" s="24">
        <v>10</v>
      </c>
    </row>
    <row r="25" spans="1:7">
      <c r="A25" s="83"/>
      <c r="B25" s="21">
        <v>0.182</v>
      </c>
      <c r="C25" s="21">
        <v>0.81799999999999995</v>
      </c>
      <c r="D25" s="21">
        <v>0</v>
      </c>
      <c r="E25" s="21">
        <v>1</v>
      </c>
      <c r="F25" s="21">
        <v>9.0999999999999998E-2</v>
      </c>
      <c r="G25" s="21">
        <v>0.90900000000000003</v>
      </c>
    </row>
    <row r="26" spans="1:7">
      <c r="A26" s="75" t="s">
        <v>15</v>
      </c>
      <c r="B26" s="20">
        <v>1249</v>
      </c>
      <c r="C26" s="20">
        <v>4418</v>
      </c>
      <c r="D26" s="20">
        <v>81</v>
      </c>
      <c r="E26" s="20">
        <v>5586</v>
      </c>
      <c r="F26" s="20">
        <v>303</v>
      </c>
      <c r="G26" s="20">
        <v>5364</v>
      </c>
    </row>
    <row r="27" spans="1:7">
      <c r="A27" s="83"/>
      <c r="B27" s="21">
        <v>0.22</v>
      </c>
      <c r="C27" s="21">
        <v>0.78</v>
      </c>
      <c r="D27" s="21">
        <v>1.4E-2</v>
      </c>
      <c r="E27" s="21">
        <v>0.98599999999999999</v>
      </c>
      <c r="F27" s="21">
        <v>5.2999999999999999E-2</v>
      </c>
      <c r="G27" s="21">
        <v>0.94699999999999995</v>
      </c>
    </row>
    <row r="28" spans="1:7">
      <c r="A28" s="71" t="s">
        <v>302</v>
      </c>
      <c r="B28" s="71"/>
      <c r="C28" s="71"/>
      <c r="D28" s="71"/>
      <c r="E28" s="71"/>
      <c r="F28" s="71"/>
      <c r="G28" s="71"/>
    </row>
    <row r="29" spans="1:7">
      <c r="A29" s="81"/>
      <c r="B29" s="81"/>
      <c r="C29" s="81"/>
      <c r="D29" s="81"/>
      <c r="E29" s="81"/>
      <c r="F29" s="81"/>
      <c r="G29" s="81"/>
    </row>
  </sheetData>
  <mergeCells count="19">
    <mergeCell ref="A3:A4"/>
    <mergeCell ref="B3:C3"/>
    <mergeCell ref="D3:E3"/>
    <mergeCell ref="F3:G3"/>
    <mergeCell ref="A13:A14"/>
    <mergeCell ref="A5:A6"/>
    <mergeCell ref="A7:A8"/>
    <mergeCell ref="A9:A10"/>
    <mergeCell ref="A11:A12"/>
    <mergeCell ref="A28:G29"/>
    <mergeCell ref="B16:C16"/>
    <mergeCell ref="A16:A17"/>
    <mergeCell ref="F16:G16"/>
    <mergeCell ref="A18:A19"/>
    <mergeCell ref="A20:A21"/>
    <mergeCell ref="A22:A23"/>
    <mergeCell ref="A24:A25"/>
    <mergeCell ref="A26:A27"/>
    <mergeCell ref="D16:E16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A1:R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9" style="18" customWidth="1"/>
    <col min="7" max="16384" width="9" style="18"/>
  </cols>
  <sheetData>
    <row r="1" spans="1:18">
      <c r="A1" s="70" t="s">
        <v>77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6</v>
      </c>
      <c r="B3" s="76" t="s">
        <v>78</v>
      </c>
      <c r="C3" s="76"/>
      <c r="D3" s="76"/>
      <c r="E3" s="76"/>
      <c r="F3" s="76"/>
    </row>
    <row r="4" spans="1:18" ht="28.5">
      <c r="A4" s="75"/>
      <c r="B4" s="11" t="s">
        <v>43</v>
      </c>
      <c r="C4" s="11" t="s">
        <v>44</v>
      </c>
      <c r="D4" s="11" t="s">
        <v>191</v>
      </c>
      <c r="E4" s="11" t="s">
        <v>22</v>
      </c>
      <c r="F4" s="11" t="s">
        <v>15</v>
      </c>
    </row>
    <row r="5" spans="1:18">
      <c r="A5" s="73" t="s">
        <v>7</v>
      </c>
      <c r="B5" s="20">
        <v>1365</v>
      </c>
      <c r="C5" s="20">
        <v>202</v>
      </c>
      <c r="D5" s="20">
        <v>943</v>
      </c>
      <c r="E5" s="20">
        <v>7</v>
      </c>
      <c r="F5" s="20">
        <v>2517</v>
      </c>
    </row>
    <row r="6" spans="1:18">
      <c r="A6" s="77"/>
      <c r="B6" s="21">
        <v>0.54200000000000004</v>
      </c>
      <c r="C6" s="21">
        <v>0.08</v>
      </c>
      <c r="D6" s="21">
        <v>0.375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3" t="s">
        <v>8</v>
      </c>
      <c r="B7" s="24">
        <v>320</v>
      </c>
      <c r="C7" s="24">
        <v>33</v>
      </c>
      <c r="D7" s="24">
        <v>175</v>
      </c>
      <c r="E7" s="24">
        <v>1</v>
      </c>
      <c r="F7" s="20">
        <v>529</v>
      </c>
      <c r="K7" s="22"/>
      <c r="L7" s="22"/>
      <c r="M7" s="22"/>
      <c r="N7" s="22"/>
      <c r="O7" s="22"/>
    </row>
    <row r="8" spans="1:18">
      <c r="A8" s="74"/>
      <c r="B8" s="21">
        <v>0.60499999999999998</v>
      </c>
      <c r="C8" s="21">
        <v>6.2E-2</v>
      </c>
      <c r="D8" s="21">
        <v>0.33100000000000002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9</v>
      </c>
      <c r="B9" s="24">
        <v>483</v>
      </c>
      <c r="C9" s="24">
        <v>72</v>
      </c>
      <c r="D9" s="24">
        <v>355</v>
      </c>
      <c r="E9" s="24">
        <v>6</v>
      </c>
      <c r="F9" s="24">
        <v>916</v>
      </c>
      <c r="K9" s="22"/>
      <c r="L9" s="22"/>
      <c r="M9" s="22"/>
      <c r="N9" s="22"/>
      <c r="O9" s="22"/>
    </row>
    <row r="10" spans="1:18">
      <c r="A10" s="74"/>
      <c r="B10" s="21">
        <v>0.52700000000000002</v>
      </c>
      <c r="C10" s="21">
        <v>7.9000000000000001E-2</v>
      </c>
      <c r="D10" s="21">
        <v>0.38800000000000001</v>
      </c>
      <c r="E10" s="21">
        <v>7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10</v>
      </c>
      <c r="B11" s="24">
        <v>170</v>
      </c>
      <c r="C11" s="24">
        <v>18</v>
      </c>
      <c r="D11" s="24">
        <v>78</v>
      </c>
      <c r="E11" s="24">
        <v>1</v>
      </c>
      <c r="F11" s="24">
        <v>267</v>
      </c>
      <c r="K11" s="22"/>
      <c r="L11" s="22"/>
      <c r="M11" s="22"/>
      <c r="N11" s="22"/>
      <c r="O11" s="22"/>
    </row>
    <row r="12" spans="1:18">
      <c r="A12" s="79"/>
      <c r="B12" s="21">
        <v>0.63700000000000001</v>
      </c>
      <c r="C12" s="21">
        <v>6.7000000000000004E-2</v>
      </c>
      <c r="D12" s="21">
        <v>0.29199999999999998</v>
      </c>
      <c r="E12" s="21">
        <v>4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3" t="s">
        <v>11</v>
      </c>
      <c r="B13" s="24">
        <v>140</v>
      </c>
      <c r="C13" s="24">
        <v>25</v>
      </c>
      <c r="D13" s="24">
        <v>72</v>
      </c>
      <c r="E13" s="24">
        <v>0</v>
      </c>
      <c r="F13" s="24">
        <v>237</v>
      </c>
      <c r="K13" s="22"/>
      <c r="L13" s="22"/>
      <c r="M13" s="22"/>
      <c r="N13" s="22"/>
      <c r="O13" s="22"/>
    </row>
    <row r="14" spans="1:18">
      <c r="A14" s="74"/>
      <c r="B14" s="21">
        <v>0.59099999999999997</v>
      </c>
      <c r="C14" s="21">
        <v>0.105</v>
      </c>
      <c r="D14" s="21">
        <v>0.30399999999999999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73" t="s">
        <v>12</v>
      </c>
      <c r="B15" s="24">
        <v>126</v>
      </c>
      <c r="C15" s="24">
        <v>14</v>
      </c>
      <c r="D15" s="24">
        <v>90</v>
      </c>
      <c r="E15" s="24">
        <v>1</v>
      </c>
      <c r="F15" s="24">
        <v>231</v>
      </c>
      <c r="K15" s="22"/>
      <c r="L15" s="22"/>
      <c r="M15" s="22"/>
      <c r="N15" s="22"/>
      <c r="O15" s="22"/>
    </row>
    <row r="16" spans="1:18">
      <c r="A16" s="74"/>
      <c r="B16" s="21">
        <v>0.54500000000000004</v>
      </c>
      <c r="C16" s="21">
        <v>6.0999999999999999E-2</v>
      </c>
      <c r="D16" s="21">
        <v>0.39</v>
      </c>
      <c r="E16" s="21">
        <v>4.0000000000000001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 s="23" customFormat="1">
      <c r="A17" s="73" t="s">
        <v>13</v>
      </c>
      <c r="B17" s="20">
        <v>574</v>
      </c>
      <c r="C17" s="20">
        <v>85</v>
      </c>
      <c r="D17" s="20">
        <v>486</v>
      </c>
      <c r="E17" s="20">
        <v>1</v>
      </c>
      <c r="F17" s="20">
        <v>1146</v>
      </c>
    </row>
    <row r="18" spans="1:18">
      <c r="A18" s="74"/>
      <c r="B18" s="21">
        <v>0.501</v>
      </c>
      <c r="C18" s="21">
        <v>7.3999999999999996E-2</v>
      </c>
      <c r="D18" s="21">
        <v>0.42399999999999999</v>
      </c>
      <c r="E18" s="21">
        <v>1E-3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>
      <c r="A19" s="73" t="s">
        <v>14</v>
      </c>
      <c r="B19" s="24">
        <v>67</v>
      </c>
      <c r="C19" s="24">
        <v>18</v>
      </c>
      <c r="D19" s="24">
        <v>93</v>
      </c>
      <c r="E19" s="24">
        <v>1</v>
      </c>
      <c r="F19" s="24">
        <v>179</v>
      </c>
      <c r="K19" s="22"/>
      <c r="L19" s="22"/>
      <c r="M19" s="22"/>
      <c r="N19" s="22"/>
      <c r="O19" s="22"/>
    </row>
    <row r="20" spans="1:18">
      <c r="A20" s="74"/>
      <c r="B20" s="21">
        <v>0.374</v>
      </c>
      <c r="C20" s="21">
        <v>0.10100000000000001</v>
      </c>
      <c r="D20" s="21">
        <v>0.52</v>
      </c>
      <c r="E20" s="21">
        <v>6.0000000000000001E-3</v>
      </c>
      <c r="F20" s="21">
        <v>1</v>
      </c>
      <c r="K20" s="22"/>
      <c r="L20" s="22"/>
      <c r="M20" s="22"/>
      <c r="N20" s="22"/>
      <c r="O20" s="22"/>
      <c r="P20" s="22"/>
      <c r="Q20" s="22"/>
      <c r="R20" s="22"/>
    </row>
    <row r="21" spans="1:18">
      <c r="A21" s="72" t="s">
        <v>22</v>
      </c>
      <c r="B21" s="34">
        <v>18</v>
      </c>
      <c r="C21" s="34">
        <v>5</v>
      </c>
      <c r="D21" s="34">
        <v>23</v>
      </c>
      <c r="E21" s="34">
        <v>2</v>
      </c>
      <c r="F21" s="34">
        <v>48</v>
      </c>
      <c r="K21" s="22"/>
      <c r="L21" s="22"/>
      <c r="M21" s="22"/>
      <c r="N21" s="22"/>
      <c r="O21" s="22"/>
    </row>
    <row r="22" spans="1:18" s="26" customFormat="1">
      <c r="A22" s="72"/>
      <c r="B22" s="33">
        <v>0.375</v>
      </c>
      <c r="C22" s="33">
        <v>0.104</v>
      </c>
      <c r="D22" s="33">
        <v>0.47899999999999998</v>
      </c>
      <c r="E22" s="33">
        <v>4.2000000000000003E-2</v>
      </c>
      <c r="F22" s="33">
        <v>1</v>
      </c>
    </row>
    <row r="23" spans="1:18" s="23" customFormat="1">
      <c r="A23" s="73" t="s">
        <v>15</v>
      </c>
      <c r="B23" s="20">
        <v>3263</v>
      </c>
      <c r="C23" s="20">
        <v>472</v>
      </c>
      <c r="D23" s="20">
        <v>2315</v>
      </c>
      <c r="E23" s="20">
        <v>20</v>
      </c>
      <c r="F23" s="20">
        <v>6070</v>
      </c>
    </row>
    <row r="24" spans="1:18">
      <c r="A24" s="74"/>
      <c r="B24" s="21">
        <v>0.53800000000000003</v>
      </c>
      <c r="C24" s="21">
        <v>7.8E-2</v>
      </c>
      <c r="D24" s="21">
        <v>0.38100000000000001</v>
      </c>
      <c r="E24" s="21">
        <v>3.0000000000000001E-3</v>
      </c>
      <c r="F24" s="21">
        <v>1</v>
      </c>
      <c r="K24" s="22"/>
      <c r="L24" s="22"/>
      <c r="M24" s="22"/>
      <c r="N24" s="22"/>
      <c r="O24" s="22"/>
      <c r="P24" s="22"/>
      <c r="Q24" s="22"/>
      <c r="R24" s="22"/>
    </row>
    <row r="25" spans="1:18" ht="14.25" customHeight="1">
      <c r="A25" s="71" t="s">
        <v>239</v>
      </c>
      <c r="B25" s="71"/>
      <c r="C25" s="71"/>
      <c r="D25" s="71"/>
      <c r="E25" s="71"/>
      <c r="F25" s="71"/>
      <c r="K25" s="22"/>
      <c r="L25" s="22"/>
      <c r="M25" s="22"/>
      <c r="N25" s="22"/>
      <c r="O25" s="22"/>
    </row>
    <row r="26" spans="1:18">
      <c r="A26" s="81"/>
      <c r="B26" s="81"/>
      <c r="C26" s="81"/>
      <c r="D26" s="81"/>
      <c r="E26" s="81"/>
      <c r="F26" s="81"/>
    </row>
  </sheetData>
  <mergeCells count="14">
    <mergeCell ref="A25:F26"/>
    <mergeCell ref="A9:A10"/>
    <mergeCell ref="A1:F1"/>
    <mergeCell ref="A3:A4"/>
    <mergeCell ref="B3:F3"/>
    <mergeCell ref="A5:A6"/>
    <mergeCell ref="A7:A8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5"/>
  <dimension ref="A1:J31"/>
  <sheetViews>
    <sheetView workbookViewId="0">
      <selection activeCell="A2" sqref="A2"/>
    </sheetView>
  </sheetViews>
  <sheetFormatPr defaultColWidth="9" defaultRowHeight="14.25"/>
  <cols>
    <col min="1" max="1" width="11.625" style="18" customWidth="1"/>
    <col min="2" max="7" width="9.625" style="18" customWidth="1"/>
    <col min="8" max="16384" width="9" style="18"/>
  </cols>
  <sheetData>
    <row r="1" spans="1:7">
      <c r="A1" s="18" t="s">
        <v>411</v>
      </c>
    </row>
    <row r="2" spans="1:7">
      <c r="A2" s="121" t="s">
        <v>613</v>
      </c>
      <c r="B2" s="36"/>
      <c r="C2" s="36"/>
    </row>
    <row r="3" spans="1:7" ht="31.5" customHeight="1">
      <c r="A3" s="84" t="s">
        <v>219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7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7">
      <c r="A5" s="75" t="s">
        <v>19</v>
      </c>
      <c r="B5" s="20">
        <v>373</v>
      </c>
      <c r="C5" s="20">
        <v>1260</v>
      </c>
      <c r="D5" s="20">
        <v>67</v>
      </c>
      <c r="E5" s="20">
        <v>1566</v>
      </c>
      <c r="F5" s="20">
        <v>226</v>
      </c>
      <c r="G5" s="20">
        <v>1407</v>
      </c>
    </row>
    <row r="6" spans="1:7">
      <c r="A6" s="75"/>
      <c r="B6" s="21">
        <v>0.22800000000000001</v>
      </c>
      <c r="C6" s="21">
        <v>0.77200000000000002</v>
      </c>
      <c r="D6" s="21">
        <v>4.1000000000000002E-2</v>
      </c>
      <c r="E6" s="21">
        <v>0.95899999999999996</v>
      </c>
      <c r="F6" s="21">
        <v>0.13800000000000001</v>
      </c>
      <c r="G6" s="21">
        <v>0.86199999999999999</v>
      </c>
    </row>
    <row r="7" spans="1:7">
      <c r="A7" s="84" t="s">
        <v>207</v>
      </c>
      <c r="B7" s="20">
        <v>616</v>
      </c>
      <c r="C7" s="20">
        <v>2749</v>
      </c>
      <c r="D7" s="20">
        <v>103</v>
      </c>
      <c r="E7" s="20">
        <v>3262</v>
      </c>
      <c r="F7" s="20">
        <v>510</v>
      </c>
      <c r="G7" s="20">
        <v>2855</v>
      </c>
    </row>
    <row r="8" spans="1:7">
      <c r="A8" s="83"/>
      <c r="B8" s="21">
        <v>0.183</v>
      </c>
      <c r="C8" s="21">
        <v>0.81699999999999995</v>
      </c>
      <c r="D8" s="21">
        <v>3.1E-2</v>
      </c>
      <c r="E8" s="21">
        <v>0.96899999999999997</v>
      </c>
      <c r="F8" s="21">
        <v>0.152</v>
      </c>
      <c r="G8" s="21">
        <v>0.84799999999999998</v>
      </c>
    </row>
    <row r="9" spans="1:7">
      <c r="A9" s="95" t="s">
        <v>208</v>
      </c>
      <c r="B9" s="20">
        <v>102</v>
      </c>
      <c r="C9" s="20">
        <v>556</v>
      </c>
      <c r="D9" s="20">
        <v>17</v>
      </c>
      <c r="E9" s="20">
        <v>641</v>
      </c>
      <c r="F9" s="20">
        <v>111</v>
      </c>
      <c r="G9" s="20">
        <v>547</v>
      </c>
    </row>
    <row r="10" spans="1:7">
      <c r="A10" s="88"/>
      <c r="B10" s="21">
        <v>0.155</v>
      </c>
      <c r="C10" s="21">
        <v>0.84499999999999997</v>
      </c>
      <c r="D10" s="21">
        <v>2.5999999999999999E-2</v>
      </c>
      <c r="E10" s="21">
        <v>0.97399999999999998</v>
      </c>
      <c r="F10" s="21">
        <v>0.16900000000000001</v>
      </c>
      <c r="G10" s="21">
        <v>0.83099999999999996</v>
      </c>
    </row>
    <row r="11" spans="1:7">
      <c r="A11" s="75" t="s">
        <v>22</v>
      </c>
      <c r="B11" s="24">
        <v>2</v>
      </c>
      <c r="C11" s="24">
        <v>9</v>
      </c>
      <c r="D11" s="24">
        <v>0</v>
      </c>
      <c r="E11" s="24">
        <v>11</v>
      </c>
      <c r="F11" s="24">
        <v>1</v>
      </c>
      <c r="G11" s="24">
        <v>10</v>
      </c>
    </row>
    <row r="12" spans="1:7">
      <c r="A12" s="83"/>
      <c r="B12" s="21">
        <v>0.182</v>
      </c>
      <c r="C12" s="21">
        <v>0.81799999999999995</v>
      </c>
      <c r="D12" s="21">
        <v>0</v>
      </c>
      <c r="E12" s="21">
        <v>1</v>
      </c>
      <c r="F12" s="21">
        <v>9.0999999999999998E-2</v>
      </c>
      <c r="G12" s="21">
        <v>0.90900000000000003</v>
      </c>
    </row>
    <row r="13" spans="1:7">
      <c r="A13" s="75" t="s">
        <v>15</v>
      </c>
      <c r="B13" s="20">
        <v>1093</v>
      </c>
      <c r="C13" s="20">
        <v>4574</v>
      </c>
      <c r="D13" s="20">
        <v>187</v>
      </c>
      <c r="E13" s="20">
        <v>5480</v>
      </c>
      <c r="F13" s="20">
        <v>848</v>
      </c>
      <c r="G13" s="20">
        <v>4819</v>
      </c>
    </row>
    <row r="14" spans="1:7">
      <c r="A14" s="83"/>
      <c r="B14" s="21">
        <v>0.193</v>
      </c>
      <c r="C14" s="21">
        <v>0.80700000000000005</v>
      </c>
      <c r="D14" s="21">
        <v>3.3000000000000002E-2</v>
      </c>
      <c r="E14" s="21">
        <v>0.96699999999999997</v>
      </c>
      <c r="F14" s="21">
        <v>0.15</v>
      </c>
      <c r="G14" s="21">
        <v>0.85</v>
      </c>
    </row>
    <row r="15" spans="1:7">
      <c r="A15" s="36"/>
      <c r="B15" s="36"/>
      <c r="C15" s="36"/>
    </row>
    <row r="16" spans="1:7" ht="31.5" customHeight="1">
      <c r="A16" s="84" t="s">
        <v>219</v>
      </c>
      <c r="B16" s="82" t="s">
        <v>166</v>
      </c>
      <c r="C16" s="82"/>
    </row>
    <row r="17" spans="1:10">
      <c r="A17" s="84"/>
      <c r="B17" s="11" t="s">
        <v>180</v>
      </c>
      <c r="C17" s="11" t="s">
        <v>181</v>
      </c>
    </row>
    <row r="18" spans="1:10">
      <c r="A18" s="75" t="s">
        <v>19</v>
      </c>
      <c r="B18" s="20">
        <v>34</v>
      </c>
      <c r="C18" s="20">
        <v>1599</v>
      </c>
    </row>
    <row r="19" spans="1:10">
      <c r="A19" s="75"/>
      <c r="B19" s="21">
        <v>2.1000000000000001E-2</v>
      </c>
      <c r="C19" s="21">
        <v>0.97899999999999998</v>
      </c>
    </row>
    <row r="20" spans="1:10" s="23" customFormat="1">
      <c r="A20" s="84" t="s">
        <v>207</v>
      </c>
      <c r="B20" s="20">
        <v>76</v>
      </c>
      <c r="C20" s="20">
        <v>3289</v>
      </c>
    </row>
    <row r="21" spans="1:10">
      <c r="A21" s="83"/>
      <c r="B21" s="21">
        <v>2.3E-2</v>
      </c>
      <c r="C21" s="21">
        <v>0.97699999999999998</v>
      </c>
    </row>
    <row r="22" spans="1:10" s="23" customFormat="1">
      <c r="A22" s="95" t="s">
        <v>208</v>
      </c>
      <c r="B22" s="20">
        <v>21</v>
      </c>
      <c r="C22" s="20">
        <v>637</v>
      </c>
    </row>
    <row r="23" spans="1:10">
      <c r="A23" s="88"/>
      <c r="B23" s="21">
        <v>3.2000000000000001E-2</v>
      </c>
      <c r="C23" s="21">
        <v>0.96799999999999997</v>
      </c>
    </row>
    <row r="24" spans="1:10">
      <c r="A24" s="75" t="s">
        <v>22</v>
      </c>
      <c r="B24" s="24">
        <v>0</v>
      </c>
      <c r="C24" s="24">
        <v>11</v>
      </c>
    </row>
    <row r="25" spans="1:10">
      <c r="A25" s="83"/>
      <c r="B25" s="21">
        <v>0</v>
      </c>
      <c r="C25" s="21">
        <v>1</v>
      </c>
    </row>
    <row r="26" spans="1:10" s="23" customFormat="1">
      <c r="A26" s="75" t="s">
        <v>15</v>
      </c>
      <c r="B26" s="20">
        <v>131</v>
      </c>
      <c r="C26" s="20">
        <v>5536</v>
      </c>
    </row>
    <row r="27" spans="1:10">
      <c r="A27" s="83"/>
      <c r="B27" s="21">
        <v>2.3E-2</v>
      </c>
      <c r="C27" s="21">
        <v>0.97699999999999998</v>
      </c>
    </row>
    <row r="28" spans="1:10" ht="14.25" customHeight="1">
      <c r="A28" s="71" t="s">
        <v>302</v>
      </c>
      <c r="B28" s="71"/>
      <c r="C28" s="71"/>
      <c r="D28" s="22"/>
      <c r="E28" s="22"/>
      <c r="F28" s="22"/>
      <c r="G28" s="22"/>
      <c r="H28" s="22"/>
      <c r="I28" s="22"/>
      <c r="J28" s="22"/>
    </row>
    <row r="29" spans="1:10">
      <c r="A29" s="81"/>
      <c r="B29" s="81"/>
      <c r="C29" s="81"/>
    </row>
    <row r="30" spans="1:10">
      <c r="A30" s="81"/>
      <c r="B30" s="81"/>
      <c r="C30" s="81"/>
    </row>
    <row r="31" spans="1:10">
      <c r="A31" s="81"/>
      <c r="B31" s="81"/>
      <c r="C31" s="81"/>
    </row>
  </sheetData>
  <mergeCells count="17">
    <mergeCell ref="A7:A8"/>
    <mergeCell ref="A9:A10"/>
    <mergeCell ref="A11:A12"/>
    <mergeCell ref="A13:A14"/>
    <mergeCell ref="A28:C31"/>
    <mergeCell ref="A16:A17"/>
    <mergeCell ref="A26:A27"/>
    <mergeCell ref="B16:C16"/>
    <mergeCell ref="A18:A19"/>
    <mergeCell ref="A20:A21"/>
    <mergeCell ref="A22:A23"/>
    <mergeCell ref="A24:A25"/>
    <mergeCell ref="A3:A4"/>
    <mergeCell ref="B3:C3"/>
    <mergeCell ref="D3:E3"/>
    <mergeCell ref="F3:G3"/>
    <mergeCell ref="A5:A6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7"/>
  <dimension ref="A1:Q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2" width="11.625" style="18" bestFit="1" customWidth="1"/>
    <col min="3" max="3" width="13.875" style="18" bestFit="1" customWidth="1"/>
    <col min="4" max="5" width="8.875" style="18" customWidth="1"/>
    <col min="6" max="16384" width="9" style="18"/>
  </cols>
  <sheetData>
    <row r="1" spans="1:17">
      <c r="A1" s="70" t="s">
        <v>412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19</v>
      </c>
      <c r="B3" s="76" t="s">
        <v>124</v>
      </c>
      <c r="C3" s="76"/>
      <c r="D3" s="76"/>
      <c r="E3" s="76"/>
    </row>
    <row r="4" spans="1:17">
      <c r="A4" s="84"/>
      <c r="B4" s="11" t="s">
        <v>86</v>
      </c>
      <c r="C4" s="11" t="s">
        <v>87</v>
      </c>
      <c r="D4" s="11" t="s">
        <v>22</v>
      </c>
      <c r="E4" s="11" t="s">
        <v>15</v>
      </c>
    </row>
    <row r="5" spans="1:17">
      <c r="A5" s="73" t="s">
        <v>26</v>
      </c>
      <c r="B5" s="20">
        <v>1122</v>
      </c>
      <c r="C5" s="20">
        <v>641</v>
      </c>
      <c r="D5" s="20">
        <v>4</v>
      </c>
      <c r="E5" s="20">
        <v>1767</v>
      </c>
    </row>
    <row r="6" spans="1:17">
      <c r="A6" s="77"/>
      <c r="B6" s="21">
        <v>0.63500000000000001</v>
      </c>
      <c r="C6" s="21">
        <v>0.36299999999999999</v>
      </c>
      <c r="D6" s="21">
        <v>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220</v>
      </c>
      <c r="B7" s="20">
        <v>2377</v>
      </c>
      <c r="C7" s="20">
        <v>1194</v>
      </c>
      <c r="D7" s="20">
        <v>15</v>
      </c>
      <c r="E7" s="20">
        <v>3586</v>
      </c>
    </row>
    <row r="8" spans="1:17">
      <c r="A8" s="79"/>
      <c r="B8" s="21">
        <v>0.66300000000000003</v>
      </c>
      <c r="C8" s="21">
        <v>0.33300000000000002</v>
      </c>
      <c r="D8" s="21">
        <v>4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221</v>
      </c>
      <c r="B9" s="24">
        <v>497</v>
      </c>
      <c r="C9" s="24">
        <v>206</v>
      </c>
      <c r="D9" s="24">
        <v>1</v>
      </c>
      <c r="E9" s="24">
        <v>704</v>
      </c>
      <c r="J9" s="22"/>
      <c r="K9" s="22"/>
      <c r="L9" s="22"/>
      <c r="M9" s="22"/>
      <c r="N9" s="22"/>
    </row>
    <row r="10" spans="1:17">
      <c r="A10" s="79"/>
      <c r="B10" s="21">
        <v>0.70599999999999996</v>
      </c>
      <c r="C10" s="21">
        <v>0.29299999999999998</v>
      </c>
      <c r="D10" s="21">
        <v>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9</v>
      </c>
      <c r="C11" s="24">
        <v>4</v>
      </c>
      <c r="D11" s="24">
        <v>0</v>
      </c>
      <c r="E11" s="24">
        <v>13</v>
      </c>
    </row>
    <row r="12" spans="1:17">
      <c r="A12" s="99"/>
      <c r="B12" s="21">
        <v>0.69199999999999995</v>
      </c>
      <c r="C12" s="21">
        <v>0.308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4005</v>
      </c>
      <c r="C13" s="20">
        <v>2045</v>
      </c>
      <c r="D13" s="20">
        <v>20</v>
      </c>
      <c r="E13" s="20">
        <v>6070</v>
      </c>
    </row>
    <row r="14" spans="1:17">
      <c r="A14" s="74"/>
      <c r="B14" s="21">
        <v>0.66</v>
      </c>
      <c r="C14" s="21">
        <v>0.3370000000000000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71" t="s">
        <v>225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7">
      <c r="A16" s="81"/>
      <c r="B16" s="81"/>
      <c r="C16" s="81"/>
      <c r="D16" s="81"/>
      <c r="E16" s="81"/>
      <c r="J16" s="22"/>
      <c r="K16" s="22"/>
      <c r="L16" s="22"/>
      <c r="M16" s="22"/>
      <c r="N16" s="22"/>
      <c r="O16" s="2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8"/>
  <dimension ref="A1:Q22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8.875" style="18" customWidth="1"/>
    <col min="6" max="16384" width="9" style="18"/>
  </cols>
  <sheetData>
    <row r="1" spans="1:17">
      <c r="A1" s="70" t="s">
        <v>413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19</v>
      </c>
      <c r="B3" s="76" t="s">
        <v>125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26</v>
      </c>
      <c r="B5" s="20">
        <v>680</v>
      </c>
      <c r="C5" s="20">
        <v>418</v>
      </c>
      <c r="D5" s="20">
        <v>24</v>
      </c>
      <c r="E5" s="20">
        <v>1122</v>
      </c>
    </row>
    <row r="6" spans="1:17">
      <c r="A6" s="77"/>
      <c r="B6" s="21">
        <v>0.60599999999999998</v>
      </c>
      <c r="C6" s="21">
        <v>0.373</v>
      </c>
      <c r="D6" s="21">
        <v>2.1000000000000001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89" t="s">
        <v>220</v>
      </c>
      <c r="B7" s="20">
        <v>1470</v>
      </c>
      <c r="C7" s="20">
        <v>852</v>
      </c>
      <c r="D7" s="20">
        <v>55</v>
      </c>
      <c r="E7" s="20">
        <v>2377</v>
      </c>
    </row>
    <row r="8" spans="1:17">
      <c r="A8" s="74"/>
      <c r="B8" s="21">
        <v>0.61799999999999999</v>
      </c>
      <c r="C8" s="21">
        <v>0.35799999999999998</v>
      </c>
      <c r="D8" s="21">
        <v>2.3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21</v>
      </c>
      <c r="B9" s="24">
        <v>300</v>
      </c>
      <c r="C9" s="24">
        <v>184</v>
      </c>
      <c r="D9" s="24">
        <v>13</v>
      </c>
      <c r="E9" s="24">
        <v>497</v>
      </c>
      <c r="J9" s="22"/>
      <c r="K9" s="22"/>
      <c r="L9" s="22"/>
      <c r="M9" s="22"/>
      <c r="N9" s="22"/>
    </row>
    <row r="10" spans="1:17">
      <c r="A10" s="74"/>
      <c r="B10" s="21">
        <v>0.60399999999999998</v>
      </c>
      <c r="C10" s="21">
        <v>0.37</v>
      </c>
      <c r="D10" s="21">
        <v>2.5999999999999999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4</v>
      </c>
      <c r="C11" s="24">
        <v>3</v>
      </c>
      <c r="D11" s="24">
        <v>2</v>
      </c>
      <c r="E11" s="24">
        <v>9</v>
      </c>
    </row>
    <row r="12" spans="1:17">
      <c r="A12" s="99"/>
      <c r="B12" s="21">
        <v>0.44400000000000001</v>
      </c>
      <c r="C12" s="21">
        <v>0.33300000000000002</v>
      </c>
      <c r="D12" s="21">
        <v>0.22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89" t="s">
        <v>15</v>
      </c>
      <c r="B13" s="20">
        <v>2454</v>
      </c>
      <c r="C13" s="20">
        <v>1457</v>
      </c>
      <c r="D13" s="20">
        <v>94</v>
      </c>
      <c r="E13" s="20">
        <v>4005</v>
      </c>
    </row>
    <row r="14" spans="1:17">
      <c r="A14" s="74"/>
      <c r="B14" s="21">
        <v>0.61299999999999999</v>
      </c>
      <c r="C14" s="21">
        <v>0.36399999999999999</v>
      </c>
      <c r="D14" s="21">
        <v>2.3E-2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71" t="s">
        <v>216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7">
      <c r="A16" s="81"/>
      <c r="B16" s="81"/>
      <c r="C16" s="81"/>
      <c r="D16" s="81"/>
      <c r="E16" s="81"/>
      <c r="J16" s="22"/>
      <c r="K16" s="22"/>
      <c r="L16" s="22"/>
      <c r="M16" s="22"/>
      <c r="N16" s="22"/>
      <c r="O16" s="22"/>
    </row>
    <row r="17" spans="1:9">
      <c r="A17" s="81"/>
      <c r="B17" s="81"/>
      <c r="C17" s="81"/>
      <c r="D17" s="81"/>
      <c r="E17" s="81"/>
    </row>
    <row r="22" spans="1:9">
      <c r="I22" s="23"/>
    </row>
  </sheetData>
  <mergeCells count="9">
    <mergeCell ref="A15:E17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9"/>
  <dimension ref="A1:S18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7" width="9" style="18" customWidth="1"/>
    <col min="8" max="16384" width="9" style="18"/>
  </cols>
  <sheetData>
    <row r="1" spans="1:19">
      <c r="A1" s="70" t="s">
        <v>414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19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94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3" t="s">
        <v>26</v>
      </c>
      <c r="B5" s="20">
        <v>155</v>
      </c>
      <c r="C5" s="20">
        <v>400</v>
      </c>
      <c r="D5" s="20">
        <v>498</v>
      </c>
      <c r="E5" s="20">
        <v>708</v>
      </c>
      <c r="F5" s="20">
        <v>6</v>
      </c>
      <c r="G5" s="20">
        <v>1767</v>
      </c>
    </row>
    <row r="6" spans="1:19">
      <c r="A6" s="77"/>
      <c r="B6" s="21">
        <v>8.7999999999999995E-2</v>
      </c>
      <c r="C6" s="21">
        <v>0.22600000000000001</v>
      </c>
      <c r="D6" s="21">
        <v>0.28199999999999997</v>
      </c>
      <c r="E6" s="21">
        <v>0.40100000000000002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92" t="s">
        <v>220</v>
      </c>
      <c r="B7" s="20">
        <v>232</v>
      </c>
      <c r="C7" s="20">
        <v>877</v>
      </c>
      <c r="D7" s="20">
        <v>1123</v>
      </c>
      <c r="E7" s="20">
        <v>1341</v>
      </c>
      <c r="F7" s="20">
        <v>13</v>
      </c>
      <c r="G7" s="20">
        <v>3586</v>
      </c>
    </row>
    <row r="8" spans="1:19">
      <c r="A8" s="79"/>
      <c r="B8" s="21">
        <v>6.5000000000000002E-2</v>
      </c>
      <c r="C8" s="21">
        <v>0.245</v>
      </c>
      <c r="D8" s="21">
        <v>0.313</v>
      </c>
      <c r="E8" s="21">
        <v>0.374</v>
      </c>
      <c r="F8" s="21">
        <v>4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1</v>
      </c>
      <c r="B9" s="24">
        <v>48</v>
      </c>
      <c r="C9" s="24">
        <v>145</v>
      </c>
      <c r="D9" s="24">
        <v>204</v>
      </c>
      <c r="E9" s="24">
        <v>307</v>
      </c>
      <c r="F9" s="24">
        <v>0</v>
      </c>
      <c r="G9" s="24">
        <v>704</v>
      </c>
      <c r="L9" s="22"/>
      <c r="M9" s="22"/>
      <c r="N9" s="22"/>
      <c r="O9" s="22"/>
      <c r="P9" s="22"/>
    </row>
    <row r="10" spans="1:19">
      <c r="A10" s="79"/>
      <c r="B10" s="21">
        <v>6.8000000000000005E-2</v>
      </c>
      <c r="C10" s="21">
        <v>0.20599999999999999</v>
      </c>
      <c r="D10" s="21">
        <v>0.28999999999999998</v>
      </c>
      <c r="E10" s="21">
        <v>0.436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0</v>
      </c>
      <c r="C11" s="24">
        <v>2</v>
      </c>
      <c r="D11" s="24">
        <v>6</v>
      </c>
      <c r="E11" s="24">
        <v>5</v>
      </c>
      <c r="F11" s="24">
        <v>0</v>
      </c>
      <c r="G11" s="24">
        <v>13</v>
      </c>
    </row>
    <row r="12" spans="1:19">
      <c r="A12" s="99"/>
      <c r="B12" s="21">
        <v>0</v>
      </c>
      <c r="C12" s="21">
        <v>0.154</v>
      </c>
      <c r="D12" s="21">
        <v>0.46200000000000002</v>
      </c>
      <c r="E12" s="21">
        <v>0.38500000000000001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89" t="s">
        <v>15</v>
      </c>
      <c r="B13" s="20">
        <v>435</v>
      </c>
      <c r="C13" s="20">
        <v>1424</v>
      </c>
      <c r="D13" s="20">
        <v>1831</v>
      </c>
      <c r="E13" s="20">
        <v>2361</v>
      </c>
      <c r="F13" s="20">
        <v>19</v>
      </c>
      <c r="G13" s="20">
        <v>6070</v>
      </c>
    </row>
    <row r="14" spans="1:19">
      <c r="A14" s="74"/>
      <c r="B14" s="21">
        <v>7.1999999999999995E-2</v>
      </c>
      <c r="C14" s="21">
        <v>0.23499999999999999</v>
      </c>
      <c r="D14" s="21">
        <v>0.30199999999999999</v>
      </c>
      <c r="E14" s="21">
        <v>0.38900000000000001</v>
      </c>
      <c r="F14" s="21">
        <v>3.000000000000000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ht="14.25" customHeight="1">
      <c r="A15" s="80" t="s">
        <v>217</v>
      </c>
      <c r="B15" s="80"/>
      <c r="C15" s="80"/>
      <c r="D15" s="80"/>
      <c r="E15" s="80"/>
      <c r="F15" s="80"/>
      <c r="G15" s="80"/>
      <c r="L15" s="22"/>
      <c r="M15" s="22"/>
      <c r="N15" s="22"/>
      <c r="O15" s="22"/>
      <c r="P15" s="22"/>
    </row>
    <row r="16" spans="1:19">
      <c r="A16" s="86"/>
      <c r="B16" s="86"/>
      <c r="C16" s="86"/>
      <c r="D16" s="86"/>
      <c r="E16" s="86"/>
      <c r="F16" s="86"/>
      <c r="G16" s="86"/>
      <c r="L16" s="22"/>
      <c r="M16" s="22"/>
      <c r="N16" s="22"/>
      <c r="O16" s="22"/>
      <c r="P16" s="22"/>
      <c r="Q16" s="22"/>
    </row>
    <row r="18" spans="2:2">
      <c r="B18" s="23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0"/>
  <dimension ref="A1:R17"/>
  <sheetViews>
    <sheetView workbookViewId="0">
      <selection activeCell="A2" sqref="A2"/>
    </sheetView>
  </sheetViews>
  <sheetFormatPr defaultColWidth="9" defaultRowHeight="14.25"/>
  <cols>
    <col min="1" max="1" width="10.375" style="18" customWidth="1"/>
    <col min="2" max="2" width="8.875" style="18" customWidth="1"/>
    <col min="3" max="3" width="9.5" style="18" bestFit="1" customWidth="1"/>
    <col min="4" max="6" width="8.875" style="18" customWidth="1"/>
    <col min="7" max="16384" width="9" style="18"/>
  </cols>
  <sheetData>
    <row r="1" spans="1:18">
      <c r="A1" s="70" t="s">
        <v>415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9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226</v>
      </c>
      <c r="D4" s="11" t="s">
        <v>44</v>
      </c>
      <c r="E4" s="11" t="s">
        <v>22</v>
      </c>
      <c r="F4" s="11" t="s">
        <v>15</v>
      </c>
    </row>
    <row r="5" spans="1:18">
      <c r="A5" s="73" t="s">
        <v>26</v>
      </c>
      <c r="B5" s="20">
        <v>210</v>
      </c>
      <c r="C5" s="20">
        <v>319</v>
      </c>
      <c r="D5" s="20">
        <v>1228</v>
      </c>
      <c r="E5" s="20">
        <v>10</v>
      </c>
      <c r="F5" s="20">
        <v>1767</v>
      </c>
    </row>
    <row r="6" spans="1:18">
      <c r="A6" s="77"/>
      <c r="B6" s="21">
        <v>0.11899999999999999</v>
      </c>
      <c r="C6" s="21">
        <v>0.18099999999999999</v>
      </c>
      <c r="D6" s="21">
        <v>0.69499999999999995</v>
      </c>
      <c r="E6" s="21">
        <v>6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27</v>
      </c>
      <c r="B7" s="20">
        <v>309</v>
      </c>
      <c r="C7" s="20">
        <v>674</v>
      </c>
      <c r="D7" s="20">
        <v>2581</v>
      </c>
      <c r="E7" s="20">
        <v>22</v>
      </c>
      <c r="F7" s="20">
        <v>3586</v>
      </c>
    </row>
    <row r="8" spans="1:18">
      <c r="A8" s="79"/>
      <c r="B8" s="21">
        <v>8.5999999999999993E-2</v>
      </c>
      <c r="C8" s="21">
        <v>0.188</v>
      </c>
      <c r="D8" s="21">
        <v>0.72</v>
      </c>
      <c r="E8" s="21">
        <v>6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8</v>
      </c>
      <c r="B9" s="24">
        <v>73</v>
      </c>
      <c r="C9" s="24">
        <v>128</v>
      </c>
      <c r="D9" s="24">
        <v>501</v>
      </c>
      <c r="E9" s="24">
        <v>2</v>
      </c>
      <c r="F9" s="24">
        <v>704</v>
      </c>
      <c r="K9" s="22"/>
      <c r="L9" s="22"/>
      <c r="M9" s="22"/>
      <c r="N9" s="22"/>
      <c r="O9" s="22"/>
    </row>
    <row r="10" spans="1:18">
      <c r="A10" s="79"/>
      <c r="B10" s="21">
        <v>0.104</v>
      </c>
      <c r="C10" s="21">
        <v>0.182</v>
      </c>
      <c r="D10" s="21">
        <v>0.71199999999999997</v>
      </c>
      <c r="E10" s="21">
        <v>3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1</v>
      </c>
      <c r="C11" s="24">
        <v>2</v>
      </c>
      <c r="D11" s="24">
        <v>10</v>
      </c>
      <c r="E11" s="24">
        <v>0</v>
      </c>
      <c r="F11" s="24">
        <v>13</v>
      </c>
    </row>
    <row r="12" spans="1:18">
      <c r="A12" s="99"/>
      <c r="B12" s="21">
        <v>7.6999999999999999E-2</v>
      </c>
      <c r="C12" s="21">
        <v>0.154</v>
      </c>
      <c r="D12" s="21">
        <v>0.76900000000000002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593</v>
      </c>
      <c r="C13" s="20">
        <v>1123</v>
      </c>
      <c r="D13" s="20">
        <v>4320</v>
      </c>
      <c r="E13" s="20">
        <v>34</v>
      </c>
      <c r="F13" s="20">
        <v>6070</v>
      </c>
    </row>
    <row r="14" spans="1:18">
      <c r="A14" s="74"/>
      <c r="B14" s="21">
        <v>9.8000000000000004E-2</v>
      </c>
      <c r="C14" s="21">
        <v>0.185</v>
      </c>
      <c r="D14" s="21">
        <v>0.71199999999999997</v>
      </c>
      <c r="E14" s="21">
        <v>6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71" t="s">
        <v>227</v>
      </c>
      <c r="B15" s="71"/>
      <c r="C15" s="71"/>
      <c r="D15" s="71"/>
      <c r="E15" s="71"/>
      <c r="F15" s="71"/>
      <c r="K15" s="22"/>
      <c r="L15" s="22"/>
      <c r="M15" s="22"/>
      <c r="N15" s="22"/>
      <c r="O15" s="22"/>
    </row>
    <row r="16" spans="1:18">
      <c r="A16" s="81"/>
      <c r="B16" s="81"/>
      <c r="C16" s="81"/>
      <c r="D16" s="81"/>
      <c r="E16" s="81"/>
      <c r="F16" s="81"/>
      <c r="K16" s="22"/>
      <c r="L16" s="22"/>
      <c r="M16" s="22"/>
      <c r="N16" s="22"/>
      <c r="O16" s="22"/>
      <c r="P16" s="22"/>
    </row>
    <row r="17" spans="1:6">
      <c r="A17" s="81"/>
      <c r="B17" s="81"/>
      <c r="C17" s="81"/>
      <c r="D17" s="81"/>
      <c r="E17" s="81"/>
      <c r="F17" s="81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1"/>
  <dimension ref="A1:R21"/>
  <sheetViews>
    <sheetView workbookViewId="0">
      <selection activeCell="A2" sqref="A2"/>
    </sheetView>
  </sheetViews>
  <sheetFormatPr defaultColWidth="9" defaultRowHeight="14.25"/>
  <cols>
    <col min="1" max="1" width="10.375" style="18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16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9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107</v>
      </c>
      <c r="E4" s="11" t="s">
        <v>22</v>
      </c>
      <c r="F4" s="11" t="s">
        <v>15</v>
      </c>
    </row>
    <row r="5" spans="1:18">
      <c r="A5" s="73" t="s">
        <v>26</v>
      </c>
      <c r="B5" s="20">
        <v>777</v>
      </c>
      <c r="C5" s="20">
        <v>725</v>
      </c>
      <c r="D5" s="20">
        <v>260</v>
      </c>
      <c r="E5" s="20">
        <v>5</v>
      </c>
      <c r="F5" s="20">
        <v>1767</v>
      </c>
    </row>
    <row r="6" spans="1:18">
      <c r="A6" s="77"/>
      <c r="B6" s="21">
        <v>0.44</v>
      </c>
      <c r="C6" s="21">
        <v>0.41</v>
      </c>
      <c r="D6" s="21">
        <v>0.14699999999999999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92" t="s">
        <v>27</v>
      </c>
      <c r="B7" s="20">
        <v>1408</v>
      </c>
      <c r="C7" s="20">
        <v>1597</v>
      </c>
      <c r="D7" s="20">
        <v>574</v>
      </c>
      <c r="E7" s="20">
        <v>7</v>
      </c>
      <c r="F7" s="20">
        <v>3586</v>
      </c>
    </row>
    <row r="8" spans="1:18">
      <c r="A8" s="79"/>
      <c r="B8" s="21">
        <v>0.39300000000000002</v>
      </c>
      <c r="C8" s="21">
        <v>0.44500000000000001</v>
      </c>
      <c r="D8" s="21">
        <v>0.16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8</v>
      </c>
      <c r="B9" s="24">
        <v>267</v>
      </c>
      <c r="C9" s="24">
        <v>337</v>
      </c>
      <c r="D9" s="24">
        <v>99</v>
      </c>
      <c r="E9" s="24">
        <v>1</v>
      </c>
      <c r="F9" s="24">
        <v>704</v>
      </c>
      <c r="K9" s="22"/>
      <c r="L9" s="22"/>
      <c r="M9" s="22"/>
      <c r="N9" s="22"/>
      <c r="O9" s="22"/>
    </row>
    <row r="10" spans="1:18">
      <c r="A10" s="79"/>
      <c r="B10" s="21">
        <v>0.379</v>
      </c>
      <c r="C10" s="21">
        <v>0.47899999999999998</v>
      </c>
      <c r="D10" s="21">
        <v>0.14099999999999999</v>
      </c>
      <c r="E10" s="21">
        <v>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5</v>
      </c>
      <c r="C11" s="24">
        <v>7</v>
      </c>
      <c r="D11" s="24">
        <v>1</v>
      </c>
      <c r="E11" s="24">
        <v>0</v>
      </c>
      <c r="F11" s="24">
        <v>13</v>
      </c>
    </row>
    <row r="12" spans="1:18">
      <c r="A12" s="99"/>
      <c r="B12" s="21">
        <v>0.38500000000000001</v>
      </c>
      <c r="C12" s="21">
        <v>0.53800000000000003</v>
      </c>
      <c r="D12" s="21">
        <v>7.6999999999999999E-2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89" t="s">
        <v>15</v>
      </c>
      <c r="B13" s="20">
        <v>2457</v>
      </c>
      <c r="C13" s="20">
        <v>2666</v>
      </c>
      <c r="D13" s="20">
        <v>934</v>
      </c>
      <c r="E13" s="20">
        <v>13</v>
      </c>
      <c r="F13" s="20">
        <v>6070</v>
      </c>
    </row>
    <row r="14" spans="1:18">
      <c r="A14" s="74"/>
      <c r="B14" s="21">
        <v>0.40500000000000003</v>
      </c>
      <c r="C14" s="21">
        <v>0.439</v>
      </c>
      <c r="D14" s="21">
        <v>0.154</v>
      </c>
      <c r="E14" s="21">
        <v>2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80" t="s">
        <v>261</v>
      </c>
      <c r="B15" s="98"/>
      <c r="C15" s="98"/>
      <c r="D15" s="98"/>
      <c r="E15" s="98"/>
      <c r="F15" s="98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  <row r="21" spans="10:10">
      <c r="J21" s="23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2"/>
  <dimension ref="A1:S16"/>
  <sheetViews>
    <sheetView workbookViewId="0">
      <selection activeCell="A2" sqref="A2"/>
    </sheetView>
  </sheetViews>
  <sheetFormatPr defaultColWidth="9" defaultRowHeight="14.25"/>
  <cols>
    <col min="1" max="1" width="10.375" style="18" customWidth="1"/>
    <col min="2" max="4" width="8.875" style="18" customWidth="1"/>
    <col min="5" max="5" width="12.75" style="18" customWidth="1"/>
    <col min="6" max="7" width="8.875" style="18" customWidth="1"/>
    <col min="8" max="16384" width="9" style="18"/>
  </cols>
  <sheetData>
    <row r="1" spans="1:19">
      <c r="A1" s="70" t="s">
        <v>417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9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9">
      <c r="A5" s="73" t="s">
        <v>26</v>
      </c>
      <c r="B5" s="20">
        <v>307</v>
      </c>
      <c r="C5" s="20">
        <v>183</v>
      </c>
      <c r="D5" s="20">
        <v>39</v>
      </c>
      <c r="E5" s="20">
        <v>244</v>
      </c>
      <c r="F5" s="20">
        <v>4</v>
      </c>
      <c r="G5" s="20">
        <v>777</v>
      </c>
    </row>
    <row r="6" spans="1:19">
      <c r="A6" s="77"/>
      <c r="B6" s="21">
        <v>0.39500000000000002</v>
      </c>
      <c r="C6" s="21">
        <v>0.23599999999999999</v>
      </c>
      <c r="D6" s="21">
        <v>0.05</v>
      </c>
      <c r="E6" s="21">
        <v>0.314</v>
      </c>
      <c r="F6" s="21">
        <v>5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27</v>
      </c>
      <c r="B7" s="24">
        <v>661</v>
      </c>
      <c r="C7" s="24">
        <v>285</v>
      </c>
      <c r="D7" s="24">
        <v>38</v>
      </c>
      <c r="E7" s="24">
        <v>423</v>
      </c>
      <c r="F7" s="24">
        <v>1</v>
      </c>
      <c r="G7" s="20">
        <v>1408</v>
      </c>
      <c r="L7" s="22"/>
      <c r="M7" s="22"/>
      <c r="N7" s="22"/>
      <c r="O7" s="22"/>
      <c r="P7" s="22"/>
    </row>
    <row r="8" spans="1:19">
      <c r="A8" s="79"/>
      <c r="B8" s="21">
        <v>0.46899999999999997</v>
      </c>
      <c r="C8" s="21">
        <v>0.20200000000000001</v>
      </c>
      <c r="D8" s="21">
        <v>2.7E-2</v>
      </c>
      <c r="E8" s="21">
        <v>0.3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8</v>
      </c>
      <c r="B9" s="24">
        <v>135</v>
      </c>
      <c r="C9" s="24">
        <v>43</v>
      </c>
      <c r="D9" s="24">
        <v>7</v>
      </c>
      <c r="E9" s="24">
        <v>81</v>
      </c>
      <c r="F9" s="24">
        <v>1</v>
      </c>
      <c r="G9" s="24">
        <v>267</v>
      </c>
      <c r="L9" s="22"/>
      <c r="M9" s="22"/>
      <c r="N9" s="22"/>
      <c r="O9" s="22"/>
      <c r="P9" s="22"/>
    </row>
    <row r="10" spans="1:19">
      <c r="A10" s="79"/>
      <c r="B10" s="21">
        <v>0.50600000000000001</v>
      </c>
      <c r="C10" s="21">
        <v>0.161</v>
      </c>
      <c r="D10" s="21">
        <v>2.5999999999999999E-2</v>
      </c>
      <c r="E10" s="21">
        <v>0.30299999999999999</v>
      </c>
      <c r="F10" s="21">
        <v>4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2</v>
      </c>
      <c r="C11" s="24">
        <v>1</v>
      </c>
      <c r="D11" s="24">
        <v>0</v>
      </c>
      <c r="E11" s="24">
        <v>2</v>
      </c>
      <c r="F11" s="24">
        <v>0</v>
      </c>
      <c r="G11" s="24">
        <v>5</v>
      </c>
    </row>
    <row r="12" spans="1:19">
      <c r="A12" s="99"/>
      <c r="B12" s="21">
        <v>0.4</v>
      </c>
      <c r="C12" s="21">
        <v>0.2</v>
      </c>
      <c r="D12" s="21">
        <v>0</v>
      </c>
      <c r="E12" s="21">
        <v>0.4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1105</v>
      </c>
      <c r="C13" s="20">
        <v>512</v>
      </c>
      <c r="D13" s="20">
        <v>84</v>
      </c>
      <c r="E13" s="20">
        <v>750</v>
      </c>
      <c r="F13" s="20">
        <v>6</v>
      </c>
      <c r="G13" s="20">
        <v>2457</v>
      </c>
    </row>
    <row r="14" spans="1:19">
      <c r="A14" s="74"/>
      <c r="B14" s="21">
        <v>0.45</v>
      </c>
      <c r="C14" s="21">
        <v>0.20799999999999999</v>
      </c>
      <c r="D14" s="21">
        <v>3.4000000000000002E-2</v>
      </c>
      <c r="E14" s="21">
        <v>0.30499999999999999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80" t="s">
        <v>218</v>
      </c>
      <c r="B15" s="98"/>
      <c r="C15" s="98"/>
      <c r="D15" s="98"/>
      <c r="E15" s="98"/>
      <c r="F15" s="98"/>
      <c r="G15" s="98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3"/>
  <dimension ref="A1:S14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2" width="9" style="18" customWidth="1"/>
    <col min="3" max="3" width="9.5" style="18" bestFit="1" customWidth="1"/>
    <col min="4" max="4" width="11.625" style="18" bestFit="1" customWidth="1"/>
    <col min="5" max="7" width="9" style="18" customWidth="1"/>
    <col min="8" max="16384" width="9" style="18"/>
  </cols>
  <sheetData>
    <row r="1" spans="1:19">
      <c r="A1" s="70" t="s">
        <v>418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311</v>
      </c>
      <c r="B3" s="76" t="s">
        <v>146</v>
      </c>
      <c r="C3" s="76"/>
      <c r="D3" s="76"/>
      <c r="E3" s="76"/>
      <c r="F3" s="76"/>
      <c r="G3" s="76"/>
    </row>
    <row r="4" spans="1:19" ht="28.5">
      <c r="A4" s="84"/>
      <c r="B4" s="11" t="s">
        <v>228</v>
      </c>
      <c r="C4" s="11" t="s">
        <v>229</v>
      </c>
      <c r="D4" s="11" t="s">
        <v>200</v>
      </c>
      <c r="E4" s="11" t="s">
        <v>222</v>
      </c>
      <c r="F4" s="11" t="s">
        <v>22</v>
      </c>
      <c r="G4" s="11" t="s">
        <v>15</v>
      </c>
    </row>
    <row r="5" spans="1:19">
      <c r="A5" s="73" t="s">
        <v>25</v>
      </c>
      <c r="B5" s="20">
        <v>1193</v>
      </c>
      <c r="C5" s="20">
        <v>35</v>
      </c>
      <c r="D5" s="20">
        <v>1</v>
      </c>
      <c r="E5" s="20">
        <v>0</v>
      </c>
      <c r="F5" s="20">
        <v>0</v>
      </c>
      <c r="G5" s="20">
        <v>1229</v>
      </c>
    </row>
    <row r="6" spans="1:19">
      <c r="A6" s="77"/>
      <c r="B6" s="21">
        <v>0.97099999999999997</v>
      </c>
      <c r="C6" s="21">
        <v>2.8000000000000001E-2</v>
      </c>
      <c r="D6" s="21">
        <v>1E-3</v>
      </c>
      <c r="E6" s="21">
        <v>0</v>
      </c>
      <c r="F6" s="21">
        <v>0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45</v>
      </c>
      <c r="B7" s="24">
        <v>329</v>
      </c>
      <c r="C7" s="24">
        <v>17</v>
      </c>
      <c r="D7" s="24">
        <v>6</v>
      </c>
      <c r="E7" s="24">
        <v>2</v>
      </c>
      <c r="F7" s="24">
        <v>0</v>
      </c>
      <c r="G7" s="20">
        <v>354</v>
      </c>
      <c r="L7" s="22"/>
      <c r="M7" s="22"/>
      <c r="N7" s="22"/>
      <c r="O7" s="22"/>
      <c r="P7" s="22"/>
    </row>
    <row r="8" spans="1:19">
      <c r="A8" s="79"/>
      <c r="B8" s="21">
        <v>0.92900000000000005</v>
      </c>
      <c r="C8" s="21">
        <v>4.8000000000000001E-2</v>
      </c>
      <c r="D8" s="21">
        <v>1.7000000000000001E-2</v>
      </c>
      <c r="E8" s="21">
        <v>6.0000000000000001E-3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178</v>
      </c>
      <c r="C9" s="24">
        <v>4</v>
      </c>
      <c r="D9" s="24">
        <v>1</v>
      </c>
      <c r="E9" s="24">
        <v>0</v>
      </c>
      <c r="F9" s="24">
        <v>1</v>
      </c>
      <c r="G9" s="24">
        <v>184</v>
      </c>
    </row>
    <row r="10" spans="1:19">
      <c r="A10" s="99"/>
      <c r="B10" s="21">
        <v>0.96699999999999997</v>
      </c>
      <c r="C10" s="21">
        <v>2.1999999999999999E-2</v>
      </c>
      <c r="D10" s="21">
        <v>5.0000000000000001E-3</v>
      </c>
      <c r="E10" s="21">
        <v>0</v>
      </c>
      <c r="F10" s="21">
        <v>5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1700</v>
      </c>
      <c r="C11" s="20">
        <v>56</v>
      </c>
      <c r="D11" s="20">
        <v>8</v>
      </c>
      <c r="E11" s="20">
        <v>2</v>
      </c>
      <c r="F11" s="20">
        <v>1</v>
      </c>
      <c r="G11" s="20">
        <v>1767</v>
      </c>
    </row>
    <row r="12" spans="1:19">
      <c r="A12" s="74"/>
      <c r="B12" s="21">
        <v>0.96199999999999997</v>
      </c>
      <c r="C12" s="21">
        <v>3.2000000000000001E-2</v>
      </c>
      <c r="D12" s="21">
        <v>5.0000000000000001E-3</v>
      </c>
      <c r="E12" s="21">
        <v>1E-3</v>
      </c>
      <c r="F12" s="21">
        <v>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0" t="s">
        <v>40</v>
      </c>
      <c r="B13" s="98"/>
      <c r="C13" s="98"/>
      <c r="D13" s="98"/>
      <c r="E13" s="98"/>
      <c r="F13" s="98"/>
      <c r="G13" s="98"/>
      <c r="L13" s="22"/>
      <c r="M13" s="22"/>
      <c r="N13" s="22"/>
      <c r="O13" s="22"/>
      <c r="P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9:A10"/>
    <mergeCell ref="A11:A12"/>
    <mergeCell ref="A13:G13"/>
    <mergeCell ref="A1:G1"/>
    <mergeCell ref="A3:A4"/>
    <mergeCell ref="B3:G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4"/>
  <dimension ref="A1:R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6" width="8.875" style="18" customWidth="1"/>
    <col min="7" max="16384" width="9" style="18"/>
  </cols>
  <sheetData>
    <row r="1" spans="1:18">
      <c r="A1" s="70" t="s">
        <v>419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312</v>
      </c>
      <c r="B3" s="76" t="s">
        <v>250</v>
      </c>
      <c r="C3" s="76"/>
      <c r="D3" s="76"/>
      <c r="E3" s="76"/>
      <c r="F3" s="76"/>
    </row>
    <row r="4" spans="1:18">
      <c r="A4" s="84"/>
      <c r="B4" s="11" t="s">
        <v>152</v>
      </c>
      <c r="C4" s="11" t="s">
        <v>153</v>
      </c>
      <c r="D4" s="11" t="s">
        <v>145</v>
      </c>
      <c r="E4" s="11" t="s">
        <v>22</v>
      </c>
      <c r="F4" s="11" t="s">
        <v>15</v>
      </c>
    </row>
    <row r="5" spans="1:18">
      <c r="A5" s="73" t="s">
        <v>25</v>
      </c>
      <c r="B5" s="20">
        <v>134</v>
      </c>
      <c r="C5" s="20">
        <v>852</v>
      </c>
      <c r="D5" s="20">
        <v>174</v>
      </c>
      <c r="E5" s="20">
        <v>33</v>
      </c>
      <c r="F5" s="20">
        <v>1193</v>
      </c>
    </row>
    <row r="6" spans="1:18">
      <c r="A6" s="77"/>
      <c r="B6" s="21">
        <v>0.112</v>
      </c>
      <c r="C6" s="21">
        <v>0.71399999999999997</v>
      </c>
      <c r="D6" s="21">
        <v>0.14599999999999999</v>
      </c>
      <c r="E6" s="21">
        <v>2.8000000000000001E-2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42</v>
      </c>
      <c r="C7" s="24">
        <v>234</v>
      </c>
      <c r="D7" s="24">
        <v>44</v>
      </c>
      <c r="E7" s="24">
        <v>9</v>
      </c>
      <c r="F7" s="20">
        <v>329</v>
      </c>
      <c r="K7" s="22"/>
      <c r="L7" s="22"/>
      <c r="M7" s="22"/>
      <c r="N7" s="22"/>
      <c r="O7" s="22"/>
    </row>
    <row r="8" spans="1:18">
      <c r="A8" s="79"/>
      <c r="B8" s="21">
        <v>0.128</v>
      </c>
      <c r="C8" s="21">
        <v>0.71099999999999997</v>
      </c>
      <c r="D8" s="21">
        <v>0.13400000000000001</v>
      </c>
      <c r="E8" s="21">
        <v>2.7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8</v>
      </c>
      <c r="C9" s="24">
        <v>32</v>
      </c>
      <c r="D9" s="24">
        <v>11</v>
      </c>
      <c r="E9" s="24">
        <v>127</v>
      </c>
      <c r="F9" s="24">
        <v>178</v>
      </c>
    </row>
    <row r="10" spans="1:18">
      <c r="A10" s="99"/>
      <c r="B10" s="21">
        <v>4.4999999999999998E-2</v>
      </c>
      <c r="C10" s="21">
        <v>0.18</v>
      </c>
      <c r="D10" s="21">
        <v>6.2E-2</v>
      </c>
      <c r="E10" s="21">
        <v>0.71299999999999997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184</v>
      </c>
      <c r="C11" s="20">
        <v>1118</v>
      </c>
      <c r="D11" s="20">
        <v>229</v>
      </c>
      <c r="E11" s="20">
        <v>169</v>
      </c>
      <c r="F11" s="20">
        <v>1700</v>
      </c>
    </row>
    <row r="12" spans="1:18">
      <c r="A12" s="74"/>
      <c r="B12" s="21">
        <v>0.108</v>
      </c>
      <c r="C12" s="21">
        <v>0.65800000000000003</v>
      </c>
      <c r="D12" s="21">
        <v>0.13500000000000001</v>
      </c>
      <c r="E12" s="21">
        <v>9.9000000000000005E-2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80" t="s">
        <v>591</v>
      </c>
      <c r="B13" s="98"/>
      <c r="C13" s="98"/>
      <c r="D13" s="98"/>
      <c r="E13" s="98"/>
      <c r="F13" s="98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5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18" bestFit="1" customWidth="1"/>
    <col min="2" max="5" width="9" style="18" customWidth="1"/>
    <col min="6" max="16384" width="9" style="18"/>
  </cols>
  <sheetData>
    <row r="1" spans="1:17">
      <c r="A1" s="81" t="s">
        <v>420</v>
      </c>
      <c r="B1" s="81"/>
      <c r="C1" s="81"/>
      <c r="D1" s="81"/>
      <c r="E1" s="81"/>
    </row>
    <row r="2" spans="1:17">
      <c r="A2" s="121" t="s">
        <v>613</v>
      </c>
      <c r="B2" s="40"/>
      <c r="C2" s="40"/>
      <c r="D2" s="40"/>
      <c r="E2" s="40"/>
    </row>
    <row r="3" spans="1:17">
      <c r="A3" s="84" t="s">
        <v>242</v>
      </c>
      <c r="B3" s="76" t="s">
        <v>116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25</v>
      </c>
      <c r="B5" s="20">
        <v>714</v>
      </c>
      <c r="C5" s="20">
        <v>511</v>
      </c>
      <c r="D5" s="20">
        <v>4</v>
      </c>
      <c r="E5" s="20">
        <v>1229</v>
      </c>
    </row>
    <row r="6" spans="1:17">
      <c r="A6" s="77"/>
      <c r="B6" s="21">
        <v>0.58099999999999996</v>
      </c>
      <c r="C6" s="21">
        <v>0.41599999999999998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205</v>
      </c>
      <c r="C7" s="24">
        <v>148</v>
      </c>
      <c r="D7" s="24">
        <v>1</v>
      </c>
      <c r="E7" s="20">
        <v>354</v>
      </c>
      <c r="J7" s="22"/>
      <c r="K7" s="22"/>
      <c r="L7" s="22"/>
      <c r="M7" s="22"/>
      <c r="N7" s="22"/>
    </row>
    <row r="8" spans="1:17">
      <c r="A8" s="79"/>
      <c r="B8" s="21">
        <v>0.57899999999999996</v>
      </c>
      <c r="C8" s="21">
        <v>0.41799999999999998</v>
      </c>
      <c r="D8" s="21">
        <v>3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98</v>
      </c>
      <c r="C9" s="24">
        <v>84</v>
      </c>
      <c r="D9" s="24">
        <v>2</v>
      </c>
      <c r="E9" s="24">
        <v>184</v>
      </c>
    </row>
    <row r="10" spans="1:17">
      <c r="A10" s="99"/>
      <c r="B10" s="21">
        <v>0.53300000000000003</v>
      </c>
      <c r="C10" s="21">
        <v>0.45700000000000002</v>
      </c>
      <c r="D10" s="21">
        <v>1.0999999999999999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1017</v>
      </c>
      <c r="C11" s="20">
        <v>743</v>
      </c>
      <c r="D11" s="20">
        <v>7</v>
      </c>
      <c r="E11" s="20">
        <v>1767</v>
      </c>
    </row>
    <row r="12" spans="1:17">
      <c r="A12" s="74"/>
      <c r="B12" s="21">
        <v>0.57599999999999996</v>
      </c>
      <c r="C12" s="21">
        <v>0.42</v>
      </c>
      <c r="D12" s="21">
        <v>4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1" t="s">
        <v>45</v>
      </c>
      <c r="B13" s="96"/>
      <c r="C13" s="96"/>
      <c r="D13" s="96"/>
      <c r="E13" s="96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  <c r="J14" s="22"/>
      <c r="K14" s="22"/>
      <c r="L14" s="22"/>
      <c r="M14" s="22"/>
      <c r="N14" s="22"/>
      <c r="O14" s="2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1:Q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9" style="18" customWidth="1"/>
    <col min="6" max="16384" width="9" style="18"/>
  </cols>
  <sheetData>
    <row r="1" spans="1:17">
      <c r="A1" s="70" t="s">
        <v>82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6</v>
      </c>
      <c r="B3" s="76" t="s">
        <v>81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7</v>
      </c>
      <c r="B5" s="20">
        <v>2369</v>
      </c>
      <c r="C5" s="20">
        <v>143</v>
      </c>
      <c r="D5" s="20">
        <v>5</v>
      </c>
      <c r="E5" s="20">
        <v>2517</v>
      </c>
    </row>
    <row r="6" spans="1:17">
      <c r="A6" s="77"/>
      <c r="B6" s="21">
        <v>0.94099999999999995</v>
      </c>
      <c r="C6" s="21">
        <v>5.7000000000000002E-2</v>
      </c>
      <c r="D6" s="21">
        <v>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3" t="s">
        <v>8</v>
      </c>
      <c r="B7" s="24">
        <v>502</v>
      </c>
      <c r="C7" s="24">
        <v>26</v>
      </c>
      <c r="D7" s="24">
        <v>1</v>
      </c>
      <c r="E7" s="20">
        <v>529</v>
      </c>
      <c r="J7" s="22"/>
      <c r="K7" s="22"/>
      <c r="L7" s="22"/>
      <c r="M7" s="22"/>
      <c r="N7" s="22"/>
    </row>
    <row r="8" spans="1:17">
      <c r="A8" s="74"/>
      <c r="B8" s="21">
        <v>0.94899999999999995</v>
      </c>
      <c r="C8" s="21">
        <v>4.9000000000000002E-2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9</v>
      </c>
      <c r="B9" s="24">
        <v>841</v>
      </c>
      <c r="C9" s="24">
        <v>70</v>
      </c>
      <c r="D9" s="24">
        <v>5</v>
      </c>
      <c r="E9" s="24">
        <v>916</v>
      </c>
      <c r="J9" s="22"/>
      <c r="K9" s="22"/>
      <c r="L9" s="22"/>
      <c r="M9" s="22"/>
      <c r="N9" s="22"/>
    </row>
    <row r="10" spans="1:17">
      <c r="A10" s="74"/>
      <c r="B10" s="21">
        <v>0.91800000000000004</v>
      </c>
      <c r="C10" s="21">
        <v>7.5999999999999998E-2</v>
      </c>
      <c r="D10" s="21">
        <v>5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10</v>
      </c>
      <c r="B11" s="24">
        <v>254</v>
      </c>
      <c r="C11" s="24">
        <v>13</v>
      </c>
      <c r="D11" s="24">
        <v>0</v>
      </c>
      <c r="E11" s="24">
        <v>267</v>
      </c>
      <c r="J11" s="22"/>
      <c r="K11" s="22"/>
      <c r="L11" s="22"/>
      <c r="M11" s="22"/>
      <c r="N11" s="22"/>
    </row>
    <row r="12" spans="1:17">
      <c r="A12" s="79"/>
      <c r="B12" s="21">
        <v>0.95099999999999996</v>
      </c>
      <c r="C12" s="21">
        <v>4.9000000000000002E-2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3" t="s">
        <v>11</v>
      </c>
      <c r="B13" s="24">
        <v>222</v>
      </c>
      <c r="C13" s="24">
        <v>15</v>
      </c>
      <c r="D13" s="24">
        <v>0</v>
      </c>
      <c r="E13" s="24">
        <v>237</v>
      </c>
      <c r="J13" s="22"/>
      <c r="K13" s="22"/>
      <c r="L13" s="22"/>
      <c r="M13" s="22"/>
      <c r="N13" s="22"/>
    </row>
    <row r="14" spans="1:17">
      <c r="A14" s="74"/>
      <c r="B14" s="21">
        <v>0.93700000000000006</v>
      </c>
      <c r="C14" s="21">
        <v>6.3E-2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73" t="s">
        <v>12</v>
      </c>
      <c r="B15" s="24">
        <v>212</v>
      </c>
      <c r="C15" s="24">
        <v>18</v>
      </c>
      <c r="D15" s="24">
        <v>1</v>
      </c>
      <c r="E15" s="24">
        <v>231</v>
      </c>
      <c r="J15" s="22"/>
      <c r="K15" s="22"/>
      <c r="L15" s="22"/>
      <c r="M15" s="22"/>
      <c r="N15" s="22"/>
    </row>
    <row r="16" spans="1:17">
      <c r="A16" s="74"/>
      <c r="B16" s="21">
        <v>0.91800000000000004</v>
      </c>
      <c r="C16" s="21">
        <v>7.8E-2</v>
      </c>
      <c r="D16" s="21">
        <v>4.0000000000000001E-3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7" s="23" customFormat="1">
      <c r="A17" s="73" t="s">
        <v>13</v>
      </c>
      <c r="B17" s="20">
        <v>1067</v>
      </c>
      <c r="C17" s="20">
        <v>76</v>
      </c>
      <c r="D17" s="20">
        <v>3</v>
      </c>
      <c r="E17" s="20">
        <v>1146</v>
      </c>
    </row>
    <row r="18" spans="1:17">
      <c r="A18" s="74"/>
      <c r="B18" s="21">
        <v>0.93100000000000005</v>
      </c>
      <c r="C18" s="21">
        <v>6.6000000000000003E-2</v>
      </c>
      <c r="D18" s="21">
        <v>3.0000000000000001E-3</v>
      </c>
      <c r="E18" s="21">
        <v>1</v>
      </c>
      <c r="J18" s="22"/>
      <c r="K18" s="22"/>
      <c r="L18" s="22"/>
      <c r="M18" s="22"/>
      <c r="N18" s="22"/>
      <c r="O18" s="22"/>
      <c r="P18" s="22"/>
      <c r="Q18" s="22"/>
    </row>
    <row r="19" spans="1:17">
      <c r="A19" s="73" t="s">
        <v>14</v>
      </c>
      <c r="B19" s="24">
        <v>159</v>
      </c>
      <c r="C19" s="24">
        <v>20</v>
      </c>
      <c r="D19" s="24">
        <v>0</v>
      </c>
      <c r="E19" s="24">
        <v>179</v>
      </c>
      <c r="J19" s="22"/>
      <c r="K19" s="22"/>
      <c r="L19" s="22"/>
      <c r="M19" s="22"/>
      <c r="N19" s="22"/>
    </row>
    <row r="20" spans="1:17">
      <c r="A20" s="74"/>
      <c r="B20" s="21">
        <v>0.88800000000000001</v>
      </c>
      <c r="C20" s="21">
        <v>0.112</v>
      </c>
      <c r="D20" s="21">
        <v>0</v>
      </c>
      <c r="E20" s="21">
        <v>1</v>
      </c>
      <c r="J20" s="22"/>
      <c r="K20" s="22"/>
      <c r="L20" s="22"/>
      <c r="M20" s="22"/>
      <c r="N20" s="22"/>
      <c r="O20" s="22"/>
      <c r="P20" s="22"/>
      <c r="Q20" s="22"/>
    </row>
    <row r="21" spans="1:17">
      <c r="A21" s="72" t="s">
        <v>22</v>
      </c>
      <c r="B21" s="34">
        <v>41</v>
      </c>
      <c r="C21" s="34">
        <v>5</v>
      </c>
      <c r="D21" s="34">
        <v>2</v>
      </c>
      <c r="E21" s="34">
        <v>48</v>
      </c>
      <c r="J21" s="22"/>
      <c r="K21" s="22"/>
      <c r="L21" s="22"/>
      <c r="M21" s="22"/>
      <c r="N21" s="22"/>
    </row>
    <row r="22" spans="1:17" s="26" customFormat="1">
      <c r="A22" s="72"/>
      <c r="B22" s="33">
        <v>0.85399999999999998</v>
      </c>
      <c r="C22" s="33">
        <v>0.104</v>
      </c>
      <c r="D22" s="33">
        <v>4.2000000000000003E-2</v>
      </c>
      <c r="E22" s="33">
        <v>1</v>
      </c>
    </row>
    <row r="23" spans="1:17" s="23" customFormat="1">
      <c r="A23" s="73" t="s">
        <v>15</v>
      </c>
      <c r="B23" s="20">
        <v>5667</v>
      </c>
      <c r="C23" s="20">
        <v>386</v>
      </c>
      <c r="D23" s="20">
        <v>17</v>
      </c>
      <c r="E23" s="20">
        <v>6070</v>
      </c>
    </row>
    <row r="24" spans="1:17">
      <c r="A24" s="74"/>
      <c r="B24" s="21">
        <v>0.93400000000000005</v>
      </c>
      <c r="C24" s="21">
        <v>6.4000000000000001E-2</v>
      </c>
      <c r="D24" s="21">
        <v>3.0000000000000001E-3</v>
      </c>
      <c r="E24" s="21">
        <v>1</v>
      </c>
      <c r="J24" s="22"/>
      <c r="K24" s="22"/>
      <c r="L24" s="22"/>
      <c r="M24" s="22"/>
      <c r="N24" s="22"/>
      <c r="O24" s="22"/>
      <c r="P24" s="22"/>
      <c r="Q24" s="22"/>
    </row>
    <row r="25" spans="1:17" ht="14.25" customHeight="1">
      <c r="A25" s="71" t="s">
        <v>192</v>
      </c>
      <c r="B25" s="71"/>
      <c r="C25" s="71"/>
      <c r="D25" s="71"/>
      <c r="E25" s="71"/>
      <c r="J25" s="22"/>
      <c r="K25" s="22"/>
      <c r="L25" s="22"/>
      <c r="M25" s="22"/>
      <c r="N25" s="22"/>
    </row>
    <row r="26" spans="1:17">
      <c r="A26" s="81"/>
      <c r="B26" s="81"/>
      <c r="C26" s="81"/>
      <c r="D26" s="81"/>
      <c r="E26" s="81"/>
    </row>
  </sheetData>
  <mergeCells count="14">
    <mergeCell ref="A25:E26"/>
    <mergeCell ref="A9:A10"/>
    <mergeCell ref="A1:E1"/>
    <mergeCell ref="A3:A4"/>
    <mergeCell ref="B3:E3"/>
    <mergeCell ref="A5:A6"/>
    <mergeCell ref="A7:A8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6"/>
  <dimension ref="A1:P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2" width="18.375" style="18" bestFit="1" customWidth="1"/>
    <col min="3" max="3" width="23.25" style="18" bestFit="1" customWidth="1"/>
    <col min="4" max="4" width="9" style="18" customWidth="1"/>
    <col min="5" max="16384" width="9" style="18"/>
  </cols>
  <sheetData>
    <row r="1" spans="1:16">
      <c r="A1" s="70" t="s">
        <v>421</v>
      </c>
      <c r="B1" s="70"/>
      <c r="C1" s="70"/>
      <c r="D1" s="70"/>
    </row>
    <row r="2" spans="1:16">
      <c r="A2" s="121" t="s">
        <v>613</v>
      </c>
      <c r="B2" s="36"/>
      <c r="C2" s="36"/>
      <c r="D2" s="36"/>
    </row>
    <row r="3" spans="1:16">
      <c r="A3" s="84" t="s">
        <v>312</v>
      </c>
      <c r="B3" s="76" t="s">
        <v>117</v>
      </c>
      <c r="C3" s="76"/>
      <c r="D3" s="76"/>
    </row>
    <row r="4" spans="1:16" ht="28.5">
      <c r="A4" s="84"/>
      <c r="B4" s="11" t="s">
        <v>187</v>
      </c>
      <c r="C4" s="11" t="s">
        <v>188</v>
      </c>
      <c r="D4" s="11" t="s">
        <v>15</v>
      </c>
      <c r="J4" s="14"/>
    </row>
    <row r="5" spans="1:16">
      <c r="A5" s="73" t="s">
        <v>25</v>
      </c>
      <c r="B5" s="20">
        <v>811</v>
      </c>
      <c r="C5" s="20">
        <v>418</v>
      </c>
      <c r="D5" s="20">
        <v>1229</v>
      </c>
    </row>
    <row r="6" spans="1:16">
      <c r="A6" s="77"/>
      <c r="B6" s="21">
        <v>0.66</v>
      </c>
      <c r="C6" s="21">
        <v>0.34</v>
      </c>
      <c r="D6" s="21">
        <v>1</v>
      </c>
      <c r="I6" s="22"/>
      <c r="J6" s="22"/>
      <c r="K6" s="22"/>
      <c r="L6" s="22"/>
      <c r="M6" s="22"/>
      <c r="N6" s="22"/>
      <c r="O6" s="22"/>
      <c r="P6" s="22"/>
    </row>
    <row r="7" spans="1:16">
      <c r="A7" s="78" t="s">
        <v>145</v>
      </c>
      <c r="B7" s="24">
        <v>214</v>
      </c>
      <c r="C7" s="24">
        <v>140</v>
      </c>
      <c r="D7" s="24">
        <v>354</v>
      </c>
      <c r="I7" s="22"/>
      <c r="J7" s="22"/>
      <c r="K7" s="22"/>
      <c r="L7" s="22"/>
      <c r="M7" s="22"/>
    </row>
    <row r="8" spans="1:16">
      <c r="A8" s="79"/>
      <c r="B8" s="21">
        <v>0.60499999999999998</v>
      </c>
      <c r="C8" s="21">
        <v>0.39500000000000002</v>
      </c>
      <c r="D8" s="21">
        <v>1</v>
      </c>
      <c r="I8" s="22"/>
      <c r="J8" s="22"/>
      <c r="K8" s="22"/>
      <c r="L8" s="22"/>
      <c r="M8" s="22"/>
      <c r="N8" s="22"/>
      <c r="O8" s="22"/>
      <c r="P8" s="22"/>
    </row>
    <row r="9" spans="1:16">
      <c r="A9" s="95" t="s">
        <v>22</v>
      </c>
      <c r="B9" s="24">
        <v>127</v>
      </c>
      <c r="C9" s="24">
        <v>57</v>
      </c>
      <c r="D9" s="24">
        <v>184</v>
      </c>
    </row>
    <row r="10" spans="1:16">
      <c r="A10" s="99"/>
      <c r="B10" s="21">
        <v>0.69</v>
      </c>
      <c r="C10" s="21">
        <v>0.31</v>
      </c>
      <c r="D10" s="21">
        <v>1</v>
      </c>
      <c r="I10" s="22"/>
      <c r="J10" s="22"/>
      <c r="K10" s="22"/>
      <c r="L10" s="22"/>
      <c r="M10" s="22"/>
      <c r="N10" s="22"/>
      <c r="O10" s="22"/>
      <c r="P10" s="22"/>
    </row>
    <row r="11" spans="1:16" s="23" customFormat="1">
      <c r="A11" s="73" t="s">
        <v>15</v>
      </c>
      <c r="B11" s="20">
        <v>1152</v>
      </c>
      <c r="C11" s="20">
        <v>615</v>
      </c>
      <c r="D11" s="20">
        <v>1767</v>
      </c>
    </row>
    <row r="12" spans="1:16">
      <c r="A12" s="74"/>
      <c r="B12" s="21">
        <v>0.65200000000000002</v>
      </c>
      <c r="C12" s="21">
        <v>0.34799999999999998</v>
      </c>
      <c r="D12" s="21">
        <v>1</v>
      </c>
      <c r="I12" s="22"/>
      <c r="J12" s="22"/>
      <c r="K12" s="22"/>
      <c r="L12" s="22"/>
      <c r="M12" s="22"/>
      <c r="N12" s="22"/>
      <c r="O12" s="22"/>
      <c r="P12" s="22"/>
    </row>
    <row r="13" spans="1:16">
      <c r="A13" s="71" t="s">
        <v>50</v>
      </c>
      <c r="B13" s="71"/>
      <c r="C13" s="71"/>
      <c r="D13" s="71"/>
      <c r="I13" s="22"/>
      <c r="J13" s="22"/>
      <c r="K13" s="22"/>
      <c r="L13" s="22"/>
      <c r="M13" s="22"/>
    </row>
    <row r="14" spans="1:16">
      <c r="A14" s="81"/>
      <c r="B14" s="81"/>
      <c r="C14" s="81"/>
      <c r="D14" s="81"/>
      <c r="I14" s="22"/>
      <c r="J14" s="22"/>
      <c r="K14" s="22"/>
      <c r="L14" s="22"/>
      <c r="M14" s="22"/>
      <c r="N14" s="22"/>
    </row>
  </sheetData>
  <mergeCells count="8">
    <mergeCell ref="A13:D14"/>
    <mergeCell ref="A11:A12"/>
    <mergeCell ref="A1:D1"/>
    <mergeCell ref="A3:A4"/>
    <mergeCell ref="B3:D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7"/>
  <dimension ref="A1:R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3" width="9.5" style="18" bestFit="1" customWidth="1"/>
    <col min="4" max="6" width="8.875" style="18" customWidth="1"/>
    <col min="7" max="16384" width="9" style="18"/>
  </cols>
  <sheetData>
    <row r="1" spans="1:18">
      <c r="A1" s="70" t="s">
        <v>422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312</v>
      </c>
      <c r="B3" s="76" t="s">
        <v>118</v>
      </c>
      <c r="C3" s="76"/>
      <c r="D3" s="76"/>
      <c r="E3" s="76"/>
      <c r="F3" s="76"/>
    </row>
    <row r="4" spans="1:18" ht="28.5">
      <c r="A4" s="84"/>
      <c r="B4" s="11" t="s">
        <v>214</v>
      </c>
      <c r="C4" s="11" t="s">
        <v>215</v>
      </c>
      <c r="D4" s="11" t="s">
        <v>54</v>
      </c>
      <c r="E4" s="11" t="s">
        <v>22</v>
      </c>
      <c r="F4" s="11" t="s">
        <v>15</v>
      </c>
    </row>
    <row r="5" spans="1:18">
      <c r="A5" s="73" t="s">
        <v>25</v>
      </c>
      <c r="B5" s="20">
        <v>93</v>
      </c>
      <c r="C5" s="20">
        <v>561</v>
      </c>
      <c r="D5" s="20">
        <v>575</v>
      </c>
      <c r="E5" s="20">
        <v>0</v>
      </c>
      <c r="F5" s="20">
        <v>1229</v>
      </c>
    </row>
    <row r="6" spans="1:18">
      <c r="A6" s="77"/>
      <c r="B6" s="21">
        <v>7.5999999999999998E-2</v>
      </c>
      <c r="C6" s="21">
        <v>0.45600000000000002</v>
      </c>
      <c r="D6" s="21">
        <v>0.46800000000000003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17</v>
      </c>
      <c r="C7" s="24">
        <v>152</v>
      </c>
      <c r="D7" s="24">
        <v>185</v>
      </c>
      <c r="E7" s="24">
        <v>0</v>
      </c>
      <c r="F7" s="20">
        <v>354</v>
      </c>
      <c r="K7" s="22"/>
      <c r="L7" s="22"/>
      <c r="M7" s="22"/>
      <c r="N7" s="22"/>
      <c r="O7" s="22"/>
    </row>
    <row r="8" spans="1:18">
      <c r="A8" s="79"/>
      <c r="B8" s="21">
        <v>4.8000000000000001E-2</v>
      </c>
      <c r="C8" s="21">
        <v>0.42899999999999999</v>
      </c>
      <c r="D8" s="21">
        <v>0.52300000000000002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17</v>
      </c>
      <c r="C9" s="24">
        <v>80</v>
      </c>
      <c r="D9" s="24">
        <v>86</v>
      </c>
      <c r="E9" s="24">
        <v>1</v>
      </c>
      <c r="F9" s="24">
        <v>184</v>
      </c>
    </row>
    <row r="10" spans="1:18">
      <c r="A10" s="99"/>
      <c r="B10" s="21">
        <v>9.1999999999999998E-2</v>
      </c>
      <c r="C10" s="21">
        <v>0.435</v>
      </c>
      <c r="D10" s="21">
        <v>0.46700000000000003</v>
      </c>
      <c r="E10" s="21">
        <v>5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127</v>
      </c>
      <c r="C11" s="20">
        <v>793</v>
      </c>
      <c r="D11" s="20">
        <v>846</v>
      </c>
      <c r="E11" s="20">
        <v>1</v>
      </c>
      <c r="F11" s="20">
        <v>1767</v>
      </c>
    </row>
    <row r="12" spans="1:18">
      <c r="A12" s="74"/>
      <c r="B12" s="21">
        <v>7.1999999999999995E-2</v>
      </c>
      <c r="C12" s="21">
        <v>0.44900000000000001</v>
      </c>
      <c r="D12" s="21">
        <v>0.47899999999999998</v>
      </c>
      <c r="E12" s="21">
        <v>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30" customHeight="1">
      <c r="A13" s="71" t="s">
        <v>58</v>
      </c>
      <c r="B13" s="96"/>
      <c r="C13" s="96"/>
      <c r="D13" s="96"/>
      <c r="E13" s="96"/>
      <c r="F13" s="96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8"/>
  <dimension ref="A1:T14"/>
  <sheetViews>
    <sheetView workbookViewId="0">
      <selection activeCell="A2" sqref="A2"/>
    </sheetView>
  </sheetViews>
  <sheetFormatPr defaultColWidth="9" defaultRowHeight="14.25"/>
  <cols>
    <col min="1" max="1" width="10.375" style="18" customWidth="1"/>
    <col min="2" max="8" width="8.875" style="18" customWidth="1"/>
    <col min="9" max="16384" width="9" style="18"/>
  </cols>
  <sheetData>
    <row r="1" spans="1:20">
      <c r="A1" s="70" t="s">
        <v>423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84" t="s">
        <v>242</v>
      </c>
      <c r="B3" s="76" t="s">
        <v>119</v>
      </c>
      <c r="C3" s="76"/>
      <c r="D3" s="76"/>
      <c r="E3" s="76"/>
      <c r="F3" s="76"/>
      <c r="G3" s="76"/>
      <c r="H3" s="76"/>
    </row>
    <row r="4" spans="1:20" ht="42.75">
      <c r="A4" s="84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1" t="s">
        <v>15</v>
      </c>
    </row>
    <row r="5" spans="1:20">
      <c r="A5" s="73" t="s">
        <v>25</v>
      </c>
      <c r="B5" s="20">
        <v>111</v>
      </c>
      <c r="C5" s="20">
        <v>337</v>
      </c>
      <c r="D5" s="20">
        <v>213</v>
      </c>
      <c r="E5" s="20">
        <v>375</v>
      </c>
      <c r="F5" s="20">
        <v>193</v>
      </c>
      <c r="G5" s="20">
        <v>0</v>
      </c>
      <c r="H5" s="20">
        <v>1229</v>
      </c>
    </row>
    <row r="6" spans="1:20">
      <c r="A6" s="77"/>
      <c r="B6" s="21">
        <v>0.09</v>
      </c>
      <c r="C6" s="21">
        <v>0.27400000000000002</v>
      </c>
      <c r="D6" s="21">
        <v>0.17299999999999999</v>
      </c>
      <c r="E6" s="21">
        <v>0.30499999999999999</v>
      </c>
      <c r="F6" s="21">
        <v>0.157</v>
      </c>
      <c r="G6" s="21">
        <v>0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>
      <c r="A7" s="78" t="s">
        <v>145</v>
      </c>
      <c r="B7" s="24">
        <v>37</v>
      </c>
      <c r="C7" s="24">
        <v>76</v>
      </c>
      <c r="D7" s="24">
        <v>56</v>
      </c>
      <c r="E7" s="24">
        <v>113</v>
      </c>
      <c r="F7" s="24">
        <v>71</v>
      </c>
      <c r="G7" s="24">
        <v>1</v>
      </c>
      <c r="H7" s="20">
        <v>354</v>
      </c>
      <c r="M7" s="22"/>
      <c r="N7" s="22"/>
      <c r="O7" s="22"/>
      <c r="P7" s="22"/>
      <c r="Q7" s="22"/>
    </row>
    <row r="8" spans="1:20">
      <c r="A8" s="79"/>
      <c r="B8" s="21">
        <v>0.105</v>
      </c>
      <c r="C8" s="21">
        <v>0.215</v>
      </c>
      <c r="D8" s="21">
        <v>0.158</v>
      </c>
      <c r="E8" s="21">
        <v>0.31900000000000001</v>
      </c>
      <c r="F8" s="21">
        <v>0.20100000000000001</v>
      </c>
      <c r="G8" s="21">
        <v>3.0000000000000001E-3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95" t="s">
        <v>22</v>
      </c>
      <c r="B9" s="24">
        <v>25</v>
      </c>
      <c r="C9" s="24">
        <v>54</v>
      </c>
      <c r="D9" s="24">
        <v>27</v>
      </c>
      <c r="E9" s="24">
        <v>46</v>
      </c>
      <c r="F9" s="24">
        <v>31</v>
      </c>
      <c r="G9" s="24">
        <v>1</v>
      </c>
      <c r="H9" s="24">
        <v>184</v>
      </c>
    </row>
    <row r="10" spans="1:20">
      <c r="A10" s="99"/>
      <c r="B10" s="21">
        <v>0.13600000000000001</v>
      </c>
      <c r="C10" s="21">
        <v>0.29299999999999998</v>
      </c>
      <c r="D10" s="21">
        <v>0.14699999999999999</v>
      </c>
      <c r="E10" s="21">
        <v>0.25</v>
      </c>
      <c r="F10" s="21">
        <v>0.16800000000000001</v>
      </c>
      <c r="G10" s="21">
        <v>5.0000000000000001E-3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 s="23" customFormat="1">
      <c r="A11" s="73" t="s">
        <v>15</v>
      </c>
      <c r="B11" s="20">
        <v>173</v>
      </c>
      <c r="C11" s="20">
        <v>467</v>
      </c>
      <c r="D11" s="20">
        <v>296</v>
      </c>
      <c r="E11" s="20">
        <v>534</v>
      </c>
      <c r="F11" s="20">
        <v>295</v>
      </c>
      <c r="G11" s="20">
        <v>2</v>
      </c>
      <c r="H11" s="20">
        <v>1767</v>
      </c>
    </row>
    <row r="12" spans="1:20">
      <c r="A12" s="74"/>
      <c r="B12" s="21">
        <v>9.8000000000000004E-2</v>
      </c>
      <c r="C12" s="21">
        <v>0.26400000000000001</v>
      </c>
      <c r="D12" s="21">
        <v>0.16800000000000001</v>
      </c>
      <c r="E12" s="21">
        <v>0.30199999999999999</v>
      </c>
      <c r="F12" s="21">
        <v>0.16700000000000001</v>
      </c>
      <c r="G12" s="21">
        <v>1E-3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>
      <c r="A13" s="80" t="s">
        <v>65</v>
      </c>
      <c r="B13" s="98"/>
      <c r="C13" s="98"/>
      <c r="D13" s="98"/>
      <c r="E13" s="98"/>
      <c r="F13" s="98"/>
      <c r="G13" s="98"/>
      <c r="H13" s="98"/>
      <c r="M13" s="22"/>
      <c r="N13" s="22"/>
      <c r="O13" s="22"/>
      <c r="P13" s="22"/>
      <c r="Q13" s="22"/>
    </row>
    <row r="14" spans="1:20">
      <c r="A14" s="25"/>
      <c r="B14" s="25"/>
      <c r="C14" s="25"/>
      <c r="D14" s="25"/>
      <c r="E14" s="25"/>
      <c r="F14" s="25"/>
      <c r="G14" s="25"/>
      <c r="H14" s="25"/>
      <c r="M14" s="22"/>
      <c r="N14" s="22"/>
      <c r="O14" s="22"/>
      <c r="P14" s="22"/>
      <c r="Q14" s="22"/>
      <c r="R14" s="22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9"/>
  <dimension ref="A1:S14"/>
  <sheetViews>
    <sheetView workbookViewId="0">
      <selection activeCell="A2" sqref="A2"/>
    </sheetView>
  </sheetViews>
  <sheetFormatPr defaultColWidth="9" defaultRowHeight="14.25"/>
  <cols>
    <col min="1" max="1" width="10.375" style="18" customWidth="1"/>
    <col min="2" max="7" width="8.875" style="18" customWidth="1"/>
    <col min="8" max="16384" width="9" style="18"/>
  </cols>
  <sheetData>
    <row r="1" spans="1:19">
      <c r="A1" s="70" t="s">
        <v>424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2</v>
      </c>
      <c r="B3" s="76" t="s">
        <v>120</v>
      </c>
      <c r="C3" s="76"/>
      <c r="D3" s="76"/>
      <c r="E3" s="76"/>
      <c r="F3" s="76"/>
      <c r="G3" s="76"/>
    </row>
    <row r="4" spans="1:19" ht="57">
      <c r="A4" s="84"/>
      <c r="B4" s="11" t="s">
        <v>69</v>
      </c>
      <c r="C4" s="11" t="s">
        <v>53</v>
      </c>
      <c r="D4" s="11" t="s">
        <v>54</v>
      </c>
      <c r="E4" s="11" t="s">
        <v>70</v>
      </c>
      <c r="F4" s="11" t="s">
        <v>22</v>
      </c>
      <c r="G4" s="11" t="s">
        <v>15</v>
      </c>
    </row>
    <row r="5" spans="1:19">
      <c r="A5" s="73" t="s">
        <v>25</v>
      </c>
      <c r="B5" s="20">
        <v>500</v>
      </c>
      <c r="C5" s="20">
        <v>122</v>
      </c>
      <c r="D5" s="20">
        <v>62</v>
      </c>
      <c r="E5" s="20">
        <v>543</v>
      </c>
      <c r="F5" s="20">
        <v>2</v>
      </c>
      <c r="G5" s="20">
        <v>1229</v>
      </c>
    </row>
    <row r="6" spans="1:19">
      <c r="A6" s="77"/>
      <c r="B6" s="21">
        <v>0.40699999999999997</v>
      </c>
      <c r="C6" s="21">
        <v>9.9000000000000005E-2</v>
      </c>
      <c r="D6" s="21">
        <v>0.05</v>
      </c>
      <c r="E6" s="21">
        <v>0.442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45</v>
      </c>
      <c r="B7" s="24">
        <v>116</v>
      </c>
      <c r="C7" s="24">
        <v>35</v>
      </c>
      <c r="D7" s="24">
        <v>21</v>
      </c>
      <c r="E7" s="24">
        <v>179</v>
      </c>
      <c r="F7" s="24">
        <v>3</v>
      </c>
      <c r="G7" s="20">
        <v>354</v>
      </c>
      <c r="L7" s="22"/>
      <c r="M7" s="22"/>
      <c r="N7" s="22"/>
      <c r="O7" s="22"/>
      <c r="P7" s="22"/>
    </row>
    <row r="8" spans="1:19">
      <c r="A8" s="79"/>
      <c r="B8" s="21">
        <v>0.32800000000000001</v>
      </c>
      <c r="C8" s="21">
        <v>9.9000000000000005E-2</v>
      </c>
      <c r="D8" s="21">
        <v>5.8999999999999997E-2</v>
      </c>
      <c r="E8" s="21">
        <v>0.50600000000000001</v>
      </c>
      <c r="F8" s="21">
        <v>8.000000000000000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7">
        <v>73</v>
      </c>
      <c r="C9" s="27">
        <v>26</v>
      </c>
      <c r="D9" s="27">
        <v>11</v>
      </c>
      <c r="E9" s="27">
        <v>74</v>
      </c>
      <c r="F9" s="27">
        <v>0</v>
      </c>
      <c r="G9" s="27">
        <v>184</v>
      </c>
    </row>
    <row r="10" spans="1:19">
      <c r="A10" s="99"/>
      <c r="B10" s="21">
        <v>0.39700000000000002</v>
      </c>
      <c r="C10" s="21">
        <v>0.14099999999999999</v>
      </c>
      <c r="D10" s="21">
        <v>0.06</v>
      </c>
      <c r="E10" s="21">
        <v>0.40200000000000002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689</v>
      </c>
      <c r="C11" s="20">
        <v>183</v>
      </c>
      <c r="D11" s="20">
        <v>94</v>
      </c>
      <c r="E11" s="20">
        <v>796</v>
      </c>
      <c r="F11" s="20">
        <v>5</v>
      </c>
      <c r="G11" s="20">
        <v>1767</v>
      </c>
    </row>
    <row r="12" spans="1:19">
      <c r="A12" s="74"/>
      <c r="B12" s="21">
        <v>0.39</v>
      </c>
      <c r="C12" s="21">
        <v>0.104</v>
      </c>
      <c r="D12" s="21">
        <v>5.2999999999999999E-2</v>
      </c>
      <c r="E12" s="21">
        <v>0.45</v>
      </c>
      <c r="F12" s="21">
        <v>3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ht="14.25" customHeight="1">
      <c r="A13" s="80" t="s">
        <v>71</v>
      </c>
      <c r="B13" s="80"/>
      <c r="C13" s="80"/>
      <c r="D13" s="80"/>
      <c r="E13" s="80"/>
      <c r="F13" s="80"/>
      <c r="G13" s="80"/>
      <c r="L13" s="22"/>
      <c r="M13" s="22"/>
      <c r="N13" s="22"/>
      <c r="O13" s="22"/>
      <c r="P13" s="22"/>
    </row>
    <row r="14" spans="1:19">
      <c r="A14" s="86"/>
      <c r="B14" s="86"/>
      <c r="C14" s="86"/>
      <c r="D14" s="86"/>
      <c r="E14" s="86"/>
      <c r="F14" s="86"/>
      <c r="G14" s="86"/>
      <c r="L14" s="22"/>
      <c r="M14" s="22"/>
      <c r="N14" s="22"/>
      <c r="O14" s="22"/>
      <c r="P14" s="22"/>
      <c r="Q14" s="2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0"/>
  <dimension ref="A1:R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25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312</v>
      </c>
      <c r="B3" s="76" t="s">
        <v>121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>
      <c r="A5" s="73" t="s">
        <v>25</v>
      </c>
      <c r="B5" s="20">
        <v>358</v>
      </c>
      <c r="C5" s="20">
        <v>424</v>
      </c>
      <c r="D5" s="20">
        <v>447</v>
      </c>
      <c r="E5" s="20">
        <v>0</v>
      </c>
      <c r="F5" s="20">
        <v>1229</v>
      </c>
    </row>
    <row r="6" spans="1:18">
      <c r="A6" s="77"/>
      <c r="B6" s="21">
        <v>0.29099999999999998</v>
      </c>
      <c r="C6" s="21">
        <v>0.34499999999999997</v>
      </c>
      <c r="D6" s="21">
        <v>0.36399999999999999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88</v>
      </c>
      <c r="C7" s="24">
        <v>122</v>
      </c>
      <c r="D7" s="24">
        <v>139</v>
      </c>
      <c r="E7" s="24">
        <v>5</v>
      </c>
      <c r="F7" s="20">
        <v>354</v>
      </c>
      <c r="K7" s="22"/>
      <c r="L7" s="22"/>
      <c r="M7" s="22"/>
      <c r="N7" s="22"/>
      <c r="O7" s="22"/>
    </row>
    <row r="8" spans="1:18">
      <c r="A8" s="79"/>
      <c r="B8" s="21">
        <v>0.249</v>
      </c>
      <c r="C8" s="21">
        <v>0.34499999999999997</v>
      </c>
      <c r="D8" s="21">
        <v>0.39300000000000002</v>
      </c>
      <c r="E8" s="21">
        <v>1.4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62</v>
      </c>
      <c r="C9" s="24">
        <v>47</v>
      </c>
      <c r="D9" s="24">
        <v>74</v>
      </c>
      <c r="E9" s="24">
        <v>1</v>
      </c>
      <c r="F9" s="24">
        <v>184</v>
      </c>
    </row>
    <row r="10" spans="1:18">
      <c r="A10" s="99"/>
      <c r="B10" s="21">
        <v>0.33700000000000002</v>
      </c>
      <c r="C10" s="21">
        <v>0.255</v>
      </c>
      <c r="D10" s="21">
        <v>0.40200000000000002</v>
      </c>
      <c r="E10" s="21">
        <v>5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508</v>
      </c>
      <c r="C11" s="20">
        <v>593</v>
      </c>
      <c r="D11" s="20">
        <v>660</v>
      </c>
      <c r="E11" s="20">
        <v>6</v>
      </c>
      <c r="F11" s="20">
        <v>1767</v>
      </c>
    </row>
    <row r="12" spans="1:18">
      <c r="A12" s="74"/>
      <c r="B12" s="21">
        <v>0.28699999999999998</v>
      </c>
      <c r="C12" s="21">
        <v>0.33600000000000002</v>
      </c>
      <c r="D12" s="21">
        <v>0.374</v>
      </c>
      <c r="E12" s="21">
        <v>3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75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1"/>
  <dimension ref="A1:R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6" width="8.875" style="18" customWidth="1"/>
    <col min="7" max="16384" width="9" style="18"/>
  </cols>
  <sheetData>
    <row r="1" spans="1:18">
      <c r="A1" s="70" t="s">
        <v>426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312</v>
      </c>
      <c r="B3" s="76" t="s">
        <v>122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8">
      <c r="A5" s="73" t="s">
        <v>25</v>
      </c>
      <c r="B5" s="20">
        <v>675</v>
      </c>
      <c r="C5" s="20">
        <v>98</v>
      </c>
      <c r="D5" s="20">
        <v>452</v>
      </c>
      <c r="E5" s="20">
        <v>4</v>
      </c>
      <c r="F5" s="20">
        <v>1229</v>
      </c>
    </row>
    <row r="6" spans="1:18">
      <c r="A6" s="77"/>
      <c r="B6" s="21">
        <v>0.54900000000000004</v>
      </c>
      <c r="C6" s="21">
        <v>0.08</v>
      </c>
      <c r="D6" s="21">
        <v>0.36799999999999999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173</v>
      </c>
      <c r="C7" s="24">
        <v>28</v>
      </c>
      <c r="D7" s="24">
        <v>149</v>
      </c>
      <c r="E7" s="24">
        <v>4</v>
      </c>
      <c r="F7" s="20">
        <v>354</v>
      </c>
      <c r="K7" s="22"/>
      <c r="L7" s="22"/>
      <c r="M7" s="22"/>
      <c r="N7" s="22"/>
      <c r="O7" s="22"/>
    </row>
    <row r="8" spans="1:18">
      <c r="A8" s="79"/>
      <c r="B8" s="21">
        <v>0.48899999999999999</v>
      </c>
      <c r="C8" s="21">
        <v>7.9000000000000001E-2</v>
      </c>
      <c r="D8" s="21">
        <v>0.42099999999999999</v>
      </c>
      <c r="E8" s="21">
        <v>1.0999999999999999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82</v>
      </c>
      <c r="C9" s="24">
        <v>18</v>
      </c>
      <c r="D9" s="24">
        <v>83</v>
      </c>
      <c r="E9" s="24">
        <v>1</v>
      </c>
      <c r="F9" s="24">
        <v>184</v>
      </c>
    </row>
    <row r="10" spans="1:18">
      <c r="A10" s="99"/>
      <c r="B10" s="21">
        <v>0.44600000000000001</v>
      </c>
      <c r="C10" s="21">
        <v>9.8000000000000004E-2</v>
      </c>
      <c r="D10" s="21">
        <v>0.45100000000000001</v>
      </c>
      <c r="E10" s="21">
        <v>5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930</v>
      </c>
      <c r="C11" s="20">
        <v>144</v>
      </c>
      <c r="D11" s="20">
        <v>684</v>
      </c>
      <c r="E11" s="20">
        <v>9</v>
      </c>
      <c r="F11" s="20">
        <v>1767</v>
      </c>
    </row>
    <row r="12" spans="1:18">
      <c r="A12" s="74"/>
      <c r="B12" s="21">
        <v>0.52600000000000002</v>
      </c>
      <c r="C12" s="21">
        <v>8.1000000000000003E-2</v>
      </c>
      <c r="D12" s="21">
        <v>0.38700000000000001</v>
      </c>
      <c r="E12" s="21">
        <v>5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239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2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18" bestFit="1" customWidth="1"/>
    <col min="2" max="5" width="9" style="18" customWidth="1"/>
    <col min="6" max="16384" width="9" style="18"/>
  </cols>
  <sheetData>
    <row r="1" spans="1:17">
      <c r="A1" s="81" t="s">
        <v>427</v>
      </c>
      <c r="B1" s="81"/>
      <c r="C1" s="81"/>
      <c r="D1" s="81"/>
      <c r="E1" s="81"/>
    </row>
    <row r="2" spans="1:17">
      <c r="A2" s="121" t="s">
        <v>613</v>
      </c>
      <c r="B2" s="40"/>
      <c r="C2" s="40"/>
      <c r="D2" s="40"/>
      <c r="E2" s="40"/>
    </row>
    <row r="3" spans="1:17">
      <c r="A3" s="84" t="s">
        <v>242</v>
      </c>
      <c r="B3" s="76" t="s">
        <v>123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25</v>
      </c>
      <c r="B5" s="20">
        <v>1155</v>
      </c>
      <c r="C5" s="20">
        <v>71</v>
      </c>
      <c r="D5" s="20">
        <v>3</v>
      </c>
      <c r="E5" s="20">
        <v>1229</v>
      </c>
    </row>
    <row r="6" spans="1:17">
      <c r="A6" s="77"/>
      <c r="B6" s="21">
        <v>0.94</v>
      </c>
      <c r="C6" s="21">
        <v>5.8000000000000003E-2</v>
      </c>
      <c r="D6" s="21">
        <v>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326</v>
      </c>
      <c r="C7" s="24">
        <v>25</v>
      </c>
      <c r="D7" s="24">
        <v>3</v>
      </c>
      <c r="E7" s="20">
        <v>354</v>
      </c>
      <c r="J7" s="22"/>
      <c r="K7" s="22"/>
      <c r="L7" s="22"/>
      <c r="M7" s="22"/>
      <c r="N7" s="22"/>
    </row>
    <row r="8" spans="1:17">
      <c r="A8" s="79"/>
      <c r="B8" s="21">
        <v>0.92100000000000004</v>
      </c>
      <c r="C8" s="21">
        <v>7.0999999999999994E-2</v>
      </c>
      <c r="D8" s="21">
        <v>8.000000000000000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152</v>
      </c>
      <c r="C9" s="24">
        <v>30</v>
      </c>
      <c r="D9" s="24">
        <v>2</v>
      </c>
      <c r="E9" s="24">
        <v>184</v>
      </c>
    </row>
    <row r="10" spans="1:17">
      <c r="A10" s="99"/>
      <c r="B10" s="21">
        <v>0.82599999999999996</v>
      </c>
      <c r="C10" s="21">
        <v>0.16300000000000001</v>
      </c>
      <c r="D10" s="21">
        <v>1.0999999999999999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1633</v>
      </c>
      <c r="C11" s="20">
        <v>126</v>
      </c>
      <c r="D11" s="20">
        <v>8</v>
      </c>
      <c r="E11" s="20">
        <v>1767</v>
      </c>
    </row>
    <row r="12" spans="1:17">
      <c r="A12" s="74"/>
      <c r="B12" s="21">
        <v>0.92400000000000004</v>
      </c>
      <c r="C12" s="21">
        <v>7.0999999999999994E-2</v>
      </c>
      <c r="D12" s="21">
        <v>5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80" t="s">
        <v>192</v>
      </c>
      <c r="B13" s="98"/>
      <c r="C13" s="98"/>
      <c r="D13" s="98"/>
      <c r="E13" s="98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  <c r="J14" s="22"/>
      <c r="K14" s="22"/>
      <c r="L14" s="22"/>
      <c r="M14" s="22"/>
      <c r="N14" s="22"/>
      <c r="O14" s="2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6"/>
  <dimension ref="A1:N25"/>
  <sheetViews>
    <sheetView workbookViewId="0">
      <selection activeCell="A2" sqref="A2"/>
    </sheetView>
  </sheetViews>
  <sheetFormatPr defaultColWidth="9" defaultRowHeight="14.25"/>
  <cols>
    <col min="1" max="1" width="13.75" style="18" customWidth="1"/>
    <col min="2" max="7" width="9.625" style="18" customWidth="1"/>
    <col min="8" max="16384" width="9" style="18"/>
  </cols>
  <sheetData>
    <row r="1" spans="1:14">
      <c r="A1" s="18" t="s">
        <v>594</v>
      </c>
    </row>
    <row r="2" spans="1:14">
      <c r="A2" s="121" t="s">
        <v>613</v>
      </c>
      <c r="B2" s="28"/>
      <c r="C2" s="28"/>
      <c r="D2" s="28"/>
      <c r="E2" s="28"/>
      <c r="F2" s="28"/>
      <c r="G2" s="28"/>
    </row>
    <row r="3" spans="1:14" ht="58.5" customHeight="1">
      <c r="A3" s="84" t="s">
        <v>242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4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25</v>
      </c>
      <c r="B5" s="20">
        <v>325</v>
      </c>
      <c r="C5" s="20">
        <v>830</v>
      </c>
      <c r="D5" s="20">
        <v>648</v>
      </c>
      <c r="E5" s="20">
        <v>507</v>
      </c>
      <c r="F5" s="20">
        <v>148</v>
      </c>
      <c r="G5" s="20">
        <v>1007</v>
      </c>
    </row>
    <row r="6" spans="1:14">
      <c r="A6" s="75"/>
      <c r="B6" s="21">
        <v>0.28100000000000003</v>
      </c>
      <c r="C6" s="21">
        <v>0.71899999999999997</v>
      </c>
      <c r="D6" s="21">
        <v>0.56100000000000005</v>
      </c>
      <c r="E6" s="21">
        <v>0.439</v>
      </c>
      <c r="F6" s="21">
        <v>0.128</v>
      </c>
      <c r="G6" s="21">
        <v>0.872</v>
      </c>
    </row>
    <row r="7" spans="1:14" s="23" customFormat="1">
      <c r="A7" s="75" t="s">
        <v>145</v>
      </c>
      <c r="B7" s="20">
        <v>100</v>
      </c>
      <c r="C7" s="20">
        <v>226</v>
      </c>
      <c r="D7" s="20">
        <v>165</v>
      </c>
      <c r="E7" s="20">
        <v>161</v>
      </c>
      <c r="F7" s="20">
        <v>46</v>
      </c>
      <c r="G7" s="20">
        <v>280</v>
      </c>
    </row>
    <row r="8" spans="1:14">
      <c r="A8" s="83"/>
      <c r="B8" s="21">
        <v>0.307</v>
      </c>
      <c r="C8" s="21">
        <v>0.69299999999999995</v>
      </c>
      <c r="D8" s="21">
        <v>0.50600000000000001</v>
      </c>
      <c r="E8" s="21">
        <v>0.49399999999999999</v>
      </c>
      <c r="F8" s="21">
        <v>0.14099999999999999</v>
      </c>
      <c r="G8" s="21">
        <v>0.85899999999999999</v>
      </c>
    </row>
    <row r="9" spans="1:14">
      <c r="A9" s="75" t="s">
        <v>22</v>
      </c>
      <c r="B9" s="24">
        <v>32</v>
      </c>
      <c r="C9" s="24">
        <v>120</v>
      </c>
      <c r="D9" s="24">
        <v>82</v>
      </c>
      <c r="E9" s="24">
        <v>70</v>
      </c>
      <c r="F9" s="24">
        <v>24</v>
      </c>
      <c r="G9" s="24">
        <v>128</v>
      </c>
      <c r="H9" s="22"/>
      <c r="I9" s="22"/>
      <c r="J9" s="22"/>
      <c r="K9" s="22"/>
      <c r="L9" s="22"/>
      <c r="M9" s="22"/>
      <c r="N9" s="22"/>
    </row>
    <row r="10" spans="1:14">
      <c r="A10" s="83"/>
      <c r="B10" s="21">
        <v>0.21099999999999999</v>
      </c>
      <c r="C10" s="21">
        <v>0.78900000000000003</v>
      </c>
      <c r="D10" s="21">
        <v>0.53900000000000003</v>
      </c>
      <c r="E10" s="21">
        <v>0.46100000000000002</v>
      </c>
      <c r="F10" s="21">
        <v>0.158</v>
      </c>
      <c r="G10" s="21">
        <v>0.84199999999999997</v>
      </c>
    </row>
    <row r="11" spans="1:14" s="23" customFormat="1">
      <c r="A11" s="75" t="s">
        <v>15</v>
      </c>
      <c r="B11" s="20">
        <v>457</v>
      </c>
      <c r="C11" s="20">
        <v>1176</v>
      </c>
      <c r="D11" s="20">
        <v>895</v>
      </c>
      <c r="E11" s="20">
        <v>738</v>
      </c>
      <c r="F11" s="20">
        <v>218</v>
      </c>
      <c r="G11" s="20">
        <v>1415</v>
      </c>
    </row>
    <row r="12" spans="1:14">
      <c r="A12" s="83"/>
      <c r="B12" s="21">
        <v>0.28000000000000003</v>
      </c>
      <c r="C12" s="21">
        <v>0.72</v>
      </c>
      <c r="D12" s="21">
        <v>0.54800000000000004</v>
      </c>
      <c r="E12" s="21">
        <v>0.45200000000000001</v>
      </c>
      <c r="F12" s="21">
        <v>0.13300000000000001</v>
      </c>
      <c r="G12" s="21">
        <v>0.86699999999999999</v>
      </c>
    </row>
    <row r="13" spans="1:14">
      <c r="A13" s="50"/>
      <c r="B13" s="51"/>
      <c r="C13" s="51"/>
      <c r="D13" s="51"/>
      <c r="E13" s="51"/>
      <c r="F13" s="51"/>
      <c r="G13" s="51"/>
    </row>
    <row r="14" spans="1:14" ht="30.75" customHeight="1">
      <c r="A14" s="84" t="s">
        <v>242</v>
      </c>
      <c r="B14" s="82" t="s">
        <v>160</v>
      </c>
      <c r="C14" s="82"/>
      <c r="D14" s="82" t="s">
        <v>161</v>
      </c>
      <c r="E14" s="82"/>
      <c r="F14" s="82" t="s">
        <v>162</v>
      </c>
      <c r="G14" s="82"/>
    </row>
    <row r="15" spans="1:14">
      <c r="A15" s="84"/>
      <c r="B15" s="11" t="s">
        <v>180</v>
      </c>
      <c r="C15" s="11" t="s">
        <v>181</v>
      </c>
      <c r="D15" s="11" t="s">
        <v>180</v>
      </c>
      <c r="E15" s="11" t="s">
        <v>181</v>
      </c>
      <c r="F15" s="11" t="s">
        <v>180</v>
      </c>
      <c r="G15" s="11" t="s">
        <v>181</v>
      </c>
    </row>
    <row r="16" spans="1:14">
      <c r="A16" s="75" t="s">
        <v>25</v>
      </c>
      <c r="B16" s="20">
        <v>264</v>
      </c>
      <c r="C16" s="20">
        <v>891</v>
      </c>
      <c r="D16" s="20">
        <v>18</v>
      </c>
      <c r="E16" s="20">
        <v>1137</v>
      </c>
      <c r="F16" s="20">
        <v>58</v>
      </c>
      <c r="G16" s="20">
        <v>1097</v>
      </c>
    </row>
    <row r="17" spans="1:14">
      <c r="A17" s="75"/>
      <c r="B17" s="21">
        <v>0.22900000000000001</v>
      </c>
      <c r="C17" s="21">
        <v>0.77100000000000002</v>
      </c>
      <c r="D17" s="21">
        <v>1.6E-2</v>
      </c>
      <c r="E17" s="21">
        <v>0.98399999999999999</v>
      </c>
      <c r="F17" s="21">
        <v>0.05</v>
      </c>
      <c r="G17" s="21">
        <v>0.95</v>
      </c>
    </row>
    <row r="18" spans="1:14">
      <c r="A18" s="75" t="s">
        <v>145</v>
      </c>
      <c r="B18" s="20">
        <v>54</v>
      </c>
      <c r="C18" s="20">
        <v>272</v>
      </c>
      <c r="D18" s="20">
        <v>3</v>
      </c>
      <c r="E18" s="20">
        <v>323</v>
      </c>
      <c r="F18" s="20">
        <v>21</v>
      </c>
      <c r="G18" s="20">
        <v>305</v>
      </c>
    </row>
    <row r="19" spans="1:14">
      <c r="A19" s="83"/>
      <c r="B19" s="21">
        <v>0.16600000000000001</v>
      </c>
      <c r="C19" s="21">
        <v>0.83399999999999996</v>
      </c>
      <c r="D19" s="21">
        <v>8.9999999999999993E-3</v>
      </c>
      <c r="E19" s="21">
        <v>0.99099999999999999</v>
      </c>
      <c r="F19" s="21">
        <v>6.4000000000000001E-2</v>
      </c>
      <c r="G19" s="21">
        <v>0.93600000000000005</v>
      </c>
    </row>
    <row r="20" spans="1:14">
      <c r="A20" s="75" t="s">
        <v>22</v>
      </c>
      <c r="B20" s="24">
        <v>29</v>
      </c>
      <c r="C20" s="24">
        <v>123</v>
      </c>
      <c r="D20" s="24">
        <v>6</v>
      </c>
      <c r="E20" s="24">
        <v>146</v>
      </c>
      <c r="F20" s="24">
        <v>6</v>
      </c>
      <c r="G20" s="24">
        <v>146</v>
      </c>
    </row>
    <row r="21" spans="1:14">
      <c r="A21" s="83"/>
      <c r="B21" s="21">
        <v>0.191</v>
      </c>
      <c r="C21" s="21">
        <v>0.80900000000000005</v>
      </c>
      <c r="D21" s="21">
        <v>3.9E-2</v>
      </c>
      <c r="E21" s="21">
        <v>0.96099999999999997</v>
      </c>
      <c r="F21" s="21">
        <v>3.9E-2</v>
      </c>
      <c r="G21" s="21">
        <v>0.96099999999999997</v>
      </c>
    </row>
    <row r="22" spans="1:14">
      <c r="A22" s="75" t="s">
        <v>15</v>
      </c>
      <c r="B22" s="20">
        <v>347</v>
      </c>
      <c r="C22" s="20">
        <v>1286</v>
      </c>
      <c r="D22" s="20">
        <v>27</v>
      </c>
      <c r="E22" s="20">
        <v>1606</v>
      </c>
      <c r="F22" s="20">
        <v>85</v>
      </c>
      <c r="G22" s="20">
        <v>1548</v>
      </c>
    </row>
    <row r="23" spans="1:14">
      <c r="A23" s="83"/>
      <c r="B23" s="21">
        <v>0.21199999999999999</v>
      </c>
      <c r="C23" s="21">
        <v>0.78800000000000003</v>
      </c>
      <c r="D23" s="21">
        <v>1.7000000000000001E-2</v>
      </c>
      <c r="E23" s="21">
        <v>0.98299999999999998</v>
      </c>
      <c r="F23" s="21">
        <v>5.1999999999999998E-2</v>
      </c>
      <c r="G23" s="21">
        <v>0.94799999999999995</v>
      </c>
    </row>
    <row r="24" spans="1:14" ht="14.25" customHeight="1">
      <c r="A24" s="80" t="s">
        <v>302</v>
      </c>
      <c r="B24" s="80"/>
      <c r="C24" s="80"/>
      <c r="D24" s="80"/>
      <c r="E24" s="80"/>
      <c r="F24" s="80"/>
      <c r="G24" s="80"/>
      <c r="H24" s="22"/>
      <c r="I24" s="22"/>
      <c r="J24" s="22"/>
      <c r="K24" s="22"/>
      <c r="L24" s="22"/>
      <c r="M24" s="22"/>
      <c r="N24" s="22"/>
    </row>
    <row r="25" spans="1:14">
      <c r="A25" s="86"/>
      <c r="B25" s="86"/>
      <c r="C25" s="86"/>
      <c r="D25" s="86"/>
      <c r="E25" s="86"/>
      <c r="F25" s="86"/>
      <c r="G25" s="86"/>
    </row>
  </sheetData>
  <mergeCells count="17">
    <mergeCell ref="A18:A19"/>
    <mergeCell ref="A20:A21"/>
    <mergeCell ref="A24:G25"/>
    <mergeCell ref="A22:A23"/>
    <mergeCell ref="F14:G14"/>
    <mergeCell ref="A16:A17"/>
    <mergeCell ref="A3:A4"/>
    <mergeCell ref="B3:C3"/>
    <mergeCell ref="D3:E3"/>
    <mergeCell ref="F3:G3"/>
    <mergeCell ref="B14:C14"/>
    <mergeCell ref="D14:E14"/>
    <mergeCell ref="A5:A6"/>
    <mergeCell ref="A7:A8"/>
    <mergeCell ref="A9:A10"/>
    <mergeCell ref="A11:A12"/>
    <mergeCell ref="A14:A15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7"/>
  <dimension ref="A1:N27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7" width="9.625" style="18" customWidth="1"/>
    <col min="8" max="16384" width="9" style="18"/>
  </cols>
  <sheetData>
    <row r="1" spans="1:14">
      <c r="A1" s="18" t="s">
        <v>429</v>
      </c>
    </row>
    <row r="2" spans="1:14">
      <c r="A2" s="121" t="s">
        <v>613</v>
      </c>
      <c r="B2" s="28"/>
      <c r="C2" s="28"/>
      <c r="D2" s="28"/>
      <c r="E2" s="28"/>
      <c r="F2" s="28"/>
      <c r="G2" s="28"/>
    </row>
    <row r="3" spans="1:14" ht="29.25" customHeight="1">
      <c r="A3" s="84" t="s">
        <v>312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4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25</v>
      </c>
      <c r="B5" s="20">
        <v>239</v>
      </c>
      <c r="C5" s="20">
        <v>916</v>
      </c>
      <c r="D5" s="20">
        <v>38</v>
      </c>
      <c r="E5" s="20">
        <v>1117</v>
      </c>
      <c r="F5" s="20">
        <v>174</v>
      </c>
      <c r="G5" s="20">
        <v>981</v>
      </c>
    </row>
    <row r="6" spans="1:14">
      <c r="A6" s="75"/>
      <c r="B6" s="21">
        <v>0.20699999999999999</v>
      </c>
      <c r="C6" s="21">
        <v>0.79300000000000004</v>
      </c>
      <c r="D6" s="21">
        <v>3.3000000000000002E-2</v>
      </c>
      <c r="E6" s="21">
        <v>0.96699999999999997</v>
      </c>
      <c r="F6" s="21">
        <v>0.151</v>
      </c>
      <c r="G6" s="21">
        <v>0.84899999999999998</v>
      </c>
    </row>
    <row r="7" spans="1:14" s="23" customFormat="1">
      <c r="A7" s="75" t="s">
        <v>145</v>
      </c>
      <c r="B7" s="20">
        <v>92</v>
      </c>
      <c r="C7" s="20">
        <v>234</v>
      </c>
      <c r="D7" s="20">
        <v>16</v>
      </c>
      <c r="E7" s="20">
        <v>310</v>
      </c>
      <c r="F7" s="20">
        <v>34</v>
      </c>
      <c r="G7" s="20">
        <v>292</v>
      </c>
    </row>
    <row r="8" spans="1:14">
      <c r="A8" s="83"/>
      <c r="B8" s="21">
        <v>0.28199999999999997</v>
      </c>
      <c r="C8" s="21">
        <v>0.71799999999999997</v>
      </c>
      <c r="D8" s="21">
        <v>4.9000000000000002E-2</v>
      </c>
      <c r="E8" s="21">
        <v>0.95099999999999996</v>
      </c>
      <c r="F8" s="21">
        <v>0.104</v>
      </c>
      <c r="G8" s="21">
        <v>0.89600000000000002</v>
      </c>
    </row>
    <row r="9" spans="1:14">
      <c r="A9" s="75" t="s">
        <v>22</v>
      </c>
      <c r="B9" s="24">
        <v>42</v>
      </c>
      <c r="C9" s="24">
        <v>110</v>
      </c>
      <c r="D9" s="24">
        <v>13</v>
      </c>
      <c r="E9" s="24">
        <v>139</v>
      </c>
      <c r="F9" s="24">
        <v>18</v>
      </c>
      <c r="G9" s="24">
        <v>134</v>
      </c>
      <c r="H9" s="22"/>
      <c r="I9" s="22"/>
      <c r="J9" s="22"/>
      <c r="K9" s="22"/>
      <c r="L9" s="22"/>
      <c r="M9" s="22"/>
      <c r="N9" s="22"/>
    </row>
    <row r="10" spans="1:14">
      <c r="A10" s="83"/>
      <c r="B10" s="21">
        <v>0.27600000000000002</v>
      </c>
      <c r="C10" s="21">
        <v>0.72399999999999998</v>
      </c>
      <c r="D10" s="21">
        <v>8.5999999999999993E-2</v>
      </c>
      <c r="E10" s="21">
        <v>0.91400000000000003</v>
      </c>
      <c r="F10" s="21">
        <v>0.11799999999999999</v>
      </c>
      <c r="G10" s="21">
        <v>0.88200000000000001</v>
      </c>
    </row>
    <row r="11" spans="1:14" s="23" customFormat="1">
      <c r="A11" s="75" t="s">
        <v>15</v>
      </c>
      <c r="B11" s="20">
        <v>373</v>
      </c>
      <c r="C11" s="20">
        <v>1260</v>
      </c>
      <c r="D11" s="20">
        <v>67</v>
      </c>
      <c r="E11" s="20">
        <v>1566</v>
      </c>
      <c r="F11" s="20">
        <v>226</v>
      </c>
      <c r="G11" s="20">
        <v>1407</v>
      </c>
    </row>
    <row r="12" spans="1:14">
      <c r="A12" s="83"/>
      <c r="B12" s="21">
        <v>0.22800000000000001</v>
      </c>
      <c r="C12" s="21">
        <v>0.77200000000000002</v>
      </c>
      <c r="D12" s="21">
        <v>4.1000000000000002E-2</v>
      </c>
      <c r="E12" s="21">
        <v>0.95899999999999996</v>
      </c>
      <c r="F12" s="21">
        <v>0.13800000000000001</v>
      </c>
      <c r="G12" s="21">
        <v>0.86199999999999999</v>
      </c>
    </row>
    <row r="13" spans="1:14">
      <c r="A13" s="50"/>
      <c r="B13" s="51"/>
      <c r="C13" s="51"/>
      <c r="D13" s="52"/>
      <c r="E13" s="52"/>
      <c r="F13" s="52"/>
      <c r="G13" s="52"/>
    </row>
    <row r="14" spans="1:14" ht="30" customHeight="1">
      <c r="A14" s="84" t="s">
        <v>312</v>
      </c>
      <c r="B14" s="82" t="s">
        <v>166</v>
      </c>
      <c r="C14" s="82"/>
      <c r="D14" s="52"/>
      <c r="E14" s="52"/>
      <c r="F14" s="52"/>
      <c r="G14" s="52"/>
    </row>
    <row r="15" spans="1:14">
      <c r="A15" s="84"/>
      <c r="B15" s="11" t="s">
        <v>180</v>
      </c>
      <c r="C15" s="11" t="s">
        <v>181</v>
      </c>
      <c r="D15" s="52"/>
      <c r="E15" s="52"/>
      <c r="F15" s="52"/>
      <c r="G15" s="52"/>
    </row>
    <row r="16" spans="1:14">
      <c r="A16" s="100" t="s">
        <v>25</v>
      </c>
      <c r="B16" s="20">
        <v>24</v>
      </c>
      <c r="C16" s="20">
        <v>1131</v>
      </c>
      <c r="D16" s="52"/>
      <c r="E16" s="52"/>
      <c r="F16" s="52"/>
      <c r="G16" s="52"/>
    </row>
    <row r="17" spans="1:14">
      <c r="A17" s="100"/>
      <c r="B17" s="21">
        <v>2.1000000000000001E-2</v>
      </c>
      <c r="C17" s="21">
        <v>0.97899999999999998</v>
      </c>
      <c r="D17" s="52"/>
      <c r="E17" s="52"/>
      <c r="F17" s="52"/>
      <c r="G17" s="52"/>
    </row>
    <row r="18" spans="1:14">
      <c r="A18" s="100" t="s">
        <v>145</v>
      </c>
      <c r="B18" s="20">
        <v>7</v>
      </c>
      <c r="C18" s="20">
        <v>319</v>
      </c>
      <c r="D18" s="52"/>
      <c r="E18" s="52"/>
      <c r="F18" s="52"/>
      <c r="G18" s="52"/>
    </row>
    <row r="19" spans="1:14">
      <c r="A19" s="101"/>
      <c r="B19" s="21">
        <v>2.1000000000000001E-2</v>
      </c>
      <c r="C19" s="21">
        <v>0.97899999999999998</v>
      </c>
      <c r="D19" s="52"/>
      <c r="E19" s="52"/>
      <c r="F19" s="52"/>
      <c r="G19" s="52"/>
    </row>
    <row r="20" spans="1:14">
      <c r="A20" s="100" t="s">
        <v>22</v>
      </c>
      <c r="B20" s="24">
        <v>3</v>
      </c>
      <c r="C20" s="24">
        <v>149</v>
      </c>
      <c r="D20" s="52"/>
      <c r="E20" s="52"/>
      <c r="F20" s="52"/>
      <c r="G20" s="52"/>
    </row>
    <row r="21" spans="1:14">
      <c r="A21" s="101"/>
      <c r="B21" s="21">
        <v>0.02</v>
      </c>
      <c r="C21" s="21">
        <v>0.98</v>
      </c>
      <c r="D21" s="52"/>
      <c r="E21" s="52"/>
      <c r="F21" s="52"/>
      <c r="G21" s="52"/>
    </row>
    <row r="22" spans="1:14">
      <c r="A22" s="100" t="s">
        <v>15</v>
      </c>
      <c r="B22" s="20">
        <v>34</v>
      </c>
      <c r="C22" s="20">
        <v>1599</v>
      </c>
      <c r="D22" s="52"/>
      <c r="E22" s="52"/>
      <c r="F22" s="52"/>
      <c r="G22" s="52"/>
    </row>
    <row r="23" spans="1:14">
      <c r="A23" s="101"/>
      <c r="B23" s="21">
        <v>2.1000000000000001E-2</v>
      </c>
      <c r="C23" s="21">
        <v>0.97899999999999998</v>
      </c>
      <c r="D23" s="52"/>
      <c r="E23" s="52"/>
      <c r="F23" s="52"/>
      <c r="G23" s="52"/>
    </row>
    <row r="24" spans="1:14" ht="14.25" customHeight="1">
      <c r="A24" s="71" t="s">
        <v>586</v>
      </c>
      <c r="B24" s="71"/>
      <c r="C24" s="71"/>
      <c r="D24" s="14"/>
      <c r="E24" s="14"/>
      <c r="F24" s="14"/>
      <c r="G24" s="14"/>
      <c r="H24" s="22"/>
      <c r="I24" s="22"/>
      <c r="J24" s="22"/>
      <c r="K24" s="22"/>
      <c r="L24" s="22"/>
      <c r="M24" s="22"/>
      <c r="N24" s="22"/>
    </row>
    <row r="25" spans="1:14">
      <c r="A25" s="81"/>
      <c r="B25" s="81"/>
      <c r="C25" s="81"/>
    </row>
    <row r="26" spans="1:14">
      <c r="A26" s="81"/>
      <c r="B26" s="81"/>
      <c r="C26" s="81"/>
    </row>
    <row r="27" spans="1:14">
      <c r="A27" s="81"/>
      <c r="B27" s="81"/>
      <c r="C27" s="81"/>
    </row>
  </sheetData>
  <mergeCells count="15">
    <mergeCell ref="A16:A17"/>
    <mergeCell ref="A18:A19"/>
    <mergeCell ref="A20:A21"/>
    <mergeCell ref="A22:A23"/>
    <mergeCell ref="A24:C27"/>
    <mergeCell ref="A3:A4"/>
    <mergeCell ref="B3:C3"/>
    <mergeCell ref="D3:E3"/>
    <mergeCell ref="F3:G3"/>
    <mergeCell ref="B14:C14"/>
    <mergeCell ref="A5:A6"/>
    <mergeCell ref="A7:A8"/>
    <mergeCell ref="A9:A10"/>
    <mergeCell ref="A11:A12"/>
    <mergeCell ref="A14:A15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4"/>
  <dimension ref="A1:Q14"/>
  <sheetViews>
    <sheetView workbookViewId="0">
      <selection activeCell="A2" sqref="A2"/>
    </sheetView>
  </sheetViews>
  <sheetFormatPr defaultColWidth="9" defaultRowHeight="14.25"/>
  <cols>
    <col min="1" max="1" width="17.25" style="18" bestFit="1" customWidth="1"/>
    <col min="2" max="2" width="11.625" style="18" bestFit="1" customWidth="1"/>
    <col min="3" max="3" width="13.875" style="18" bestFit="1" customWidth="1"/>
    <col min="4" max="5" width="8.875" style="18" customWidth="1"/>
    <col min="6" max="16384" width="9" style="18"/>
  </cols>
  <sheetData>
    <row r="1" spans="1:17">
      <c r="A1" s="70" t="s">
        <v>430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53</v>
      </c>
      <c r="B3" s="76" t="s">
        <v>124</v>
      </c>
      <c r="C3" s="76"/>
      <c r="D3" s="76"/>
      <c r="E3" s="76"/>
    </row>
    <row r="4" spans="1:17">
      <c r="A4" s="84"/>
      <c r="B4" s="11" t="s">
        <v>86</v>
      </c>
      <c r="C4" s="11" t="s">
        <v>87</v>
      </c>
      <c r="D4" s="11" t="s">
        <v>22</v>
      </c>
      <c r="E4" s="11" t="s">
        <v>15</v>
      </c>
    </row>
    <row r="5" spans="1:17">
      <c r="A5" s="73" t="s">
        <v>25</v>
      </c>
      <c r="B5" s="20">
        <v>809</v>
      </c>
      <c r="C5" s="20">
        <v>419</v>
      </c>
      <c r="D5" s="20">
        <v>1</v>
      </c>
      <c r="E5" s="20">
        <v>1229</v>
      </c>
    </row>
    <row r="6" spans="1:17">
      <c r="A6" s="77"/>
      <c r="B6" s="21">
        <v>0.65800000000000003</v>
      </c>
      <c r="C6" s="21">
        <v>0.34100000000000003</v>
      </c>
      <c r="D6" s="21">
        <v>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210</v>
      </c>
      <c r="C7" s="24">
        <v>141</v>
      </c>
      <c r="D7" s="24">
        <v>3</v>
      </c>
      <c r="E7" s="20">
        <v>354</v>
      </c>
      <c r="J7" s="22"/>
      <c r="K7" s="22"/>
      <c r="L7" s="22"/>
      <c r="M7" s="22"/>
      <c r="N7" s="22"/>
    </row>
    <row r="8" spans="1:17">
      <c r="A8" s="79"/>
      <c r="B8" s="21">
        <v>0.59299999999999997</v>
      </c>
      <c r="C8" s="21">
        <v>0.39800000000000002</v>
      </c>
      <c r="D8" s="21">
        <v>8.000000000000000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103</v>
      </c>
      <c r="C9" s="24">
        <v>81</v>
      </c>
      <c r="D9" s="24">
        <v>0</v>
      </c>
      <c r="E9" s="24">
        <v>184</v>
      </c>
    </row>
    <row r="10" spans="1:17">
      <c r="A10" s="99"/>
      <c r="B10" s="21">
        <v>0.56000000000000005</v>
      </c>
      <c r="C10" s="21">
        <v>0.44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1122</v>
      </c>
      <c r="C11" s="20">
        <v>641</v>
      </c>
      <c r="D11" s="20">
        <v>4</v>
      </c>
      <c r="E11" s="20">
        <v>1767</v>
      </c>
    </row>
    <row r="12" spans="1:17">
      <c r="A12" s="74"/>
      <c r="B12" s="21">
        <v>0.63500000000000001</v>
      </c>
      <c r="C12" s="21">
        <v>0.36299999999999999</v>
      </c>
      <c r="D12" s="21">
        <v>2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80" t="s">
        <v>225</v>
      </c>
      <c r="B13" s="98"/>
      <c r="C13" s="98"/>
      <c r="D13" s="98"/>
      <c r="E13" s="98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  <c r="J14" s="22"/>
      <c r="K14" s="22"/>
      <c r="L14" s="22"/>
      <c r="M14" s="22"/>
      <c r="N14" s="22"/>
      <c r="O14" s="2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A1:M49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.625" style="18" customWidth="1"/>
    <col min="8" max="16384" width="9" style="18"/>
  </cols>
  <sheetData>
    <row r="1" spans="1:13">
      <c r="A1" s="70" t="s">
        <v>278</v>
      </c>
      <c r="B1" s="70"/>
      <c r="C1" s="70"/>
    </row>
    <row r="2" spans="1:13">
      <c r="A2" s="121" t="s">
        <v>613</v>
      </c>
      <c r="B2" s="36"/>
      <c r="C2" s="36"/>
    </row>
    <row r="3" spans="1:13" ht="58.5" customHeight="1">
      <c r="A3" s="75" t="s">
        <v>6</v>
      </c>
      <c r="B3" s="82" t="s">
        <v>297</v>
      </c>
      <c r="C3" s="82"/>
      <c r="D3" s="82" t="s">
        <v>158</v>
      </c>
      <c r="E3" s="82"/>
      <c r="F3" s="82" t="s">
        <v>159</v>
      </c>
      <c r="G3" s="82"/>
    </row>
    <row r="4" spans="1:13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3">
      <c r="A5" s="75" t="s">
        <v>7</v>
      </c>
      <c r="B5" s="20">
        <v>601</v>
      </c>
      <c r="C5" s="20">
        <v>1768</v>
      </c>
      <c r="D5" s="20">
        <v>1371</v>
      </c>
      <c r="E5" s="20">
        <v>998</v>
      </c>
      <c r="F5" s="20">
        <v>309</v>
      </c>
      <c r="G5" s="20">
        <v>2060</v>
      </c>
    </row>
    <row r="6" spans="1:13">
      <c r="A6" s="75"/>
      <c r="B6" s="21">
        <v>0.254</v>
      </c>
      <c r="C6" s="21">
        <v>0.746</v>
      </c>
      <c r="D6" s="21">
        <v>0.57899999999999996</v>
      </c>
      <c r="E6" s="21">
        <v>0.42099999999999999</v>
      </c>
      <c r="F6" s="21">
        <v>0.13</v>
      </c>
      <c r="G6" s="21">
        <v>0.87</v>
      </c>
    </row>
    <row r="7" spans="1:13">
      <c r="A7" s="75" t="s">
        <v>8</v>
      </c>
      <c r="B7" s="24">
        <v>121</v>
      </c>
      <c r="C7" s="24">
        <v>381</v>
      </c>
      <c r="D7" s="24">
        <v>289</v>
      </c>
      <c r="E7" s="24">
        <v>213</v>
      </c>
      <c r="F7" s="24">
        <v>62</v>
      </c>
      <c r="G7" s="24">
        <v>440</v>
      </c>
      <c r="H7" s="22"/>
      <c r="I7" s="22"/>
      <c r="J7" s="22"/>
      <c r="K7" s="22"/>
      <c r="L7" s="22"/>
      <c r="M7" s="22"/>
    </row>
    <row r="8" spans="1:13">
      <c r="A8" s="83"/>
      <c r="B8" s="21">
        <v>0.24099999999999999</v>
      </c>
      <c r="C8" s="21">
        <v>0.75900000000000001</v>
      </c>
      <c r="D8" s="21">
        <v>0.57599999999999996</v>
      </c>
      <c r="E8" s="21">
        <v>0.42399999999999999</v>
      </c>
      <c r="F8" s="21">
        <v>0.124</v>
      </c>
      <c r="G8" s="21">
        <v>0.876</v>
      </c>
    </row>
    <row r="9" spans="1:13">
      <c r="A9" s="75" t="s">
        <v>9</v>
      </c>
      <c r="B9" s="24">
        <v>260</v>
      </c>
      <c r="C9" s="24">
        <v>581</v>
      </c>
      <c r="D9" s="24">
        <v>441</v>
      </c>
      <c r="E9" s="24">
        <v>400</v>
      </c>
      <c r="F9" s="24">
        <v>107</v>
      </c>
      <c r="G9" s="24">
        <v>734</v>
      </c>
      <c r="H9" s="22"/>
      <c r="I9" s="22"/>
      <c r="J9" s="22"/>
      <c r="K9" s="22"/>
      <c r="L9" s="22"/>
      <c r="M9" s="22"/>
    </row>
    <row r="10" spans="1:13">
      <c r="A10" s="83"/>
      <c r="B10" s="21">
        <v>0.309</v>
      </c>
      <c r="C10" s="21">
        <v>0.69099999999999995</v>
      </c>
      <c r="D10" s="21">
        <v>0.52400000000000002</v>
      </c>
      <c r="E10" s="21">
        <v>0.47599999999999998</v>
      </c>
      <c r="F10" s="21">
        <v>0.127</v>
      </c>
      <c r="G10" s="21">
        <v>0.873</v>
      </c>
    </row>
    <row r="11" spans="1:13">
      <c r="A11" s="84" t="s">
        <v>10</v>
      </c>
      <c r="B11" s="24">
        <v>59</v>
      </c>
      <c r="C11" s="24">
        <v>195</v>
      </c>
      <c r="D11" s="24">
        <v>147</v>
      </c>
      <c r="E11" s="24">
        <v>107</v>
      </c>
      <c r="F11" s="24">
        <v>41</v>
      </c>
      <c r="G11" s="24">
        <v>213</v>
      </c>
      <c r="H11" s="22"/>
      <c r="I11" s="22"/>
      <c r="J11" s="22"/>
      <c r="K11" s="22"/>
      <c r="L11" s="22"/>
      <c r="M11" s="22"/>
    </row>
    <row r="12" spans="1:13">
      <c r="A12" s="85"/>
      <c r="B12" s="21">
        <v>0.23200000000000001</v>
      </c>
      <c r="C12" s="21">
        <v>0.76800000000000002</v>
      </c>
      <c r="D12" s="21">
        <v>0.57899999999999996</v>
      </c>
      <c r="E12" s="21">
        <v>0.42099999999999999</v>
      </c>
      <c r="F12" s="21">
        <v>0.161</v>
      </c>
      <c r="G12" s="21">
        <v>0.83899999999999997</v>
      </c>
    </row>
    <row r="13" spans="1:13">
      <c r="A13" s="75" t="s">
        <v>11</v>
      </c>
      <c r="B13" s="24">
        <v>62</v>
      </c>
      <c r="C13" s="24">
        <v>160</v>
      </c>
      <c r="D13" s="24">
        <v>112</v>
      </c>
      <c r="E13" s="24">
        <v>110</v>
      </c>
      <c r="F13" s="24">
        <v>27</v>
      </c>
      <c r="G13" s="24">
        <v>195</v>
      </c>
      <c r="H13" s="22"/>
      <c r="I13" s="22"/>
      <c r="J13" s="22"/>
      <c r="K13" s="22"/>
      <c r="L13" s="22"/>
      <c r="M13" s="22"/>
    </row>
    <row r="14" spans="1:13">
      <c r="A14" s="83"/>
      <c r="B14" s="21">
        <v>0.27900000000000003</v>
      </c>
      <c r="C14" s="21">
        <v>0.72099999999999997</v>
      </c>
      <c r="D14" s="21">
        <v>0.505</v>
      </c>
      <c r="E14" s="21">
        <v>0.495</v>
      </c>
      <c r="F14" s="21">
        <v>0.122</v>
      </c>
      <c r="G14" s="21">
        <v>0.878</v>
      </c>
    </row>
    <row r="15" spans="1:13">
      <c r="A15" s="75" t="s">
        <v>12</v>
      </c>
      <c r="B15" s="24">
        <v>51</v>
      </c>
      <c r="C15" s="24">
        <v>161</v>
      </c>
      <c r="D15" s="24">
        <v>115</v>
      </c>
      <c r="E15" s="24">
        <v>97</v>
      </c>
      <c r="F15" s="24">
        <v>18</v>
      </c>
      <c r="G15" s="24">
        <v>194</v>
      </c>
      <c r="H15" s="22"/>
      <c r="I15" s="22"/>
      <c r="J15" s="22"/>
      <c r="K15" s="22"/>
      <c r="L15" s="22"/>
      <c r="M15" s="22"/>
    </row>
    <row r="16" spans="1:13">
      <c r="A16" s="83"/>
      <c r="B16" s="21">
        <v>0.24099999999999999</v>
      </c>
      <c r="C16" s="21">
        <v>0.75900000000000001</v>
      </c>
      <c r="D16" s="21">
        <v>0.54200000000000004</v>
      </c>
      <c r="E16" s="21">
        <v>0.45800000000000002</v>
      </c>
      <c r="F16" s="21">
        <v>8.5000000000000006E-2</v>
      </c>
      <c r="G16" s="21">
        <v>0.91500000000000004</v>
      </c>
    </row>
    <row r="17" spans="1:13" s="23" customFormat="1">
      <c r="A17" s="75" t="s">
        <v>13</v>
      </c>
      <c r="B17" s="20">
        <v>316</v>
      </c>
      <c r="C17" s="20">
        <v>751</v>
      </c>
      <c r="D17" s="20">
        <v>575</v>
      </c>
      <c r="E17" s="20">
        <v>492</v>
      </c>
      <c r="F17" s="20">
        <v>123</v>
      </c>
      <c r="G17" s="20">
        <v>944</v>
      </c>
    </row>
    <row r="18" spans="1:13">
      <c r="A18" s="83"/>
      <c r="B18" s="21">
        <v>0.29599999999999999</v>
      </c>
      <c r="C18" s="21">
        <v>0.70399999999999996</v>
      </c>
      <c r="D18" s="21">
        <v>0.53900000000000003</v>
      </c>
      <c r="E18" s="21">
        <v>0.46100000000000002</v>
      </c>
      <c r="F18" s="21">
        <v>0.115</v>
      </c>
      <c r="G18" s="21">
        <v>0.88500000000000001</v>
      </c>
    </row>
    <row r="19" spans="1:13">
      <c r="A19" s="75" t="s">
        <v>14</v>
      </c>
      <c r="B19" s="24">
        <v>50</v>
      </c>
      <c r="C19" s="24">
        <v>109</v>
      </c>
      <c r="D19" s="24">
        <v>78</v>
      </c>
      <c r="E19" s="24">
        <v>81</v>
      </c>
      <c r="F19" s="24">
        <v>16</v>
      </c>
      <c r="G19" s="24">
        <v>143</v>
      </c>
      <c r="H19" s="22"/>
      <c r="I19" s="22"/>
      <c r="J19" s="22"/>
      <c r="K19" s="22"/>
      <c r="L19" s="22"/>
      <c r="M19" s="22"/>
    </row>
    <row r="20" spans="1:13">
      <c r="A20" s="83"/>
      <c r="B20" s="21">
        <v>0.314</v>
      </c>
      <c r="C20" s="21">
        <v>0.68600000000000005</v>
      </c>
      <c r="D20" s="21">
        <v>0.49099999999999999</v>
      </c>
      <c r="E20" s="21">
        <v>0.50900000000000001</v>
      </c>
      <c r="F20" s="21">
        <v>0.10100000000000001</v>
      </c>
      <c r="G20" s="21">
        <v>0.89900000000000002</v>
      </c>
    </row>
    <row r="21" spans="1:13">
      <c r="A21" s="72" t="s">
        <v>22</v>
      </c>
      <c r="B21" s="34">
        <v>8</v>
      </c>
      <c r="C21" s="34">
        <v>33</v>
      </c>
      <c r="D21" s="34">
        <v>20</v>
      </c>
      <c r="E21" s="34">
        <v>21</v>
      </c>
      <c r="F21" s="34">
        <v>3</v>
      </c>
      <c r="G21" s="34">
        <v>38</v>
      </c>
      <c r="H21" s="22"/>
      <c r="I21" s="22"/>
      <c r="J21" s="22"/>
      <c r="K21" s="22"/>
      <c r="L21" s="22"/>
      <c r="M21" s="22"/>
    </row>
    <row r="22" spans="1:13" s="26" customFormat="1">
      <c r="A22" s="72"/>
      <c r="B22" s="33">
        <v>0.19500000000000001</v>
      </c>
      <c r="C22" s="33">
        <v>0.80500000000000005</v>
      </c>
      <c r="D22" s="33">
        <v>0.48799999999999999</v>
      </c>
      <c r="E22" s="33">
        <v>0.51200000000000001</v>
      </c>
      <c r="F22" s="33">
        <v>7.2999999999999995E-2</v>
      </c>
      <c r="G22" s="33">
        <v>0.92700000000000005</v>
      </c>
    </row>
    <row r="23" spans="1:13" s="23" customFormat="1">
      <c r="A23" s="75" t="s">
        <v>15</v>
      </c>
      <c r="B23" s="20">
        <v>1528</v>
      </c>
      <c r="C23" s="20">
        <v>4139</v>
      </c>
      <c r="D23" s="20">
        <v>3148</v>
      </c>
      <c r="E23" s="20">
        <v>2519</v>
      </c>
      <c r="F23" s="20">
        <v>706</v>
      </c>
      <c r="G23" s="20">
        <v>4961</v>
      </c>
    </row>
    <row r="24" spans="1:13">
      <c r="A24" s="83"/>
      <c r="B24" s="21">
        <v>0.27</v>
      </c>
      <c r="C24" s="21">
        <v>0.73</v>
      </c>
      <c r="D24" s="21">
        <v>0.55500000000000005</v>
      </c>
      <c r="E24" s="21">
        <v>0.44500000000000001</v>
      </c>
      <c r="F24" s="21">
        <v>0.125</v>
      </c>
      <c r="G24" s="21">
        <v>0.875</v>
      </c>
    </row>
    <row r="25" spans="1:13">
      <c r="B25" s="37"/>
      <c r="C25" s="37"/>
      <c r="D25" s="37"/>
      <c r="E25" s="37"/>
      <c r="F25" s="37"/>
      <c r="G25" s="37"/>
      <c r="H25" s="22"/>
      <c r="I25" s="22"/>
      <c r="J25" s="22"/>
      <c r="K25" s="22"/>
      <c r="L25" s="22"/>
      <c r="M25" s="22"/>
    </row>
    <row r="26" spans="1:13" ht="30" customHeight="1">
      <c r="A26" s="75" t="s">
        <v>6</v>
      </c>
      <c r="B26" s="82" t="s">
        <v>160</v>
      </c>
      <c r="C26" s="82"/>
      <c r="D26" s="82" t="s">
        <v>161</v>
      </c>
      <c r="E26" s="82"/>
      <c r="F26" s="82" t="s">
        <v>162</v>
      </c>
      <c r="G26" s="82"/>
    </row>
    <row r="27" spans="1:13">
      <c r="A27" s="75"/>
      <c r="B27" s="11" t="s">
        <v>180</v>
      </c>
      <c r="C27" s="11" t="s">
        <v>181</v>
      </c>
      <c r="D27" s="11" t="s">
        <v>180</v>
      </c>
      <c r="E27" s="11" t="s">
        <v>181</v>
      </c>
      <c r="F27" s="11" t="s">
        <v>180</v>
      </c>
      <c r="G27" s="11" t="s">
        <v>181</v>
      </c>
    </row>
    <row r="28" spans="1:13">
      <c r="A28" s="75" t="s">
        <v>7</v>
      </c>
      <c r="B28" s="20">
        <v>516</v>
      </c>
      <c r="C28" s="20">
        <v>1853</v>
      </c>
      <c r="D28" s="20">
        <v>34</v>
      </c>
      <c r="E28" s="20">
        <v>2335</v>
      </c>
      <c r="F28" s="20">
        <v>149</v>
      </c>
      <c r="G28" s="20">
        <v>2220</v>
      </c>
    </row>
    <row r="29" spans="1:13">
      <c r="A29" s="75"/>
      <c r="B29" s="21">
        <v>0.218</v>
      </c>
      <c r="C29" s="21">
        <v>0.78200000000000003</v>
      </c>
      <c r="D29" s="21">
        <v>1.4E-2</v>
      </c>
      <c r="E29" s="21">
        <v>0.98599999999999999</v>
      </c>
      <c r="F29" s="21">
        <v>6.3E-2</v>
      </c>
      <c r="G29" s="21">
        <v>0.93700000000000006</v>
      </c>
    </row>
    <row r="30" spans="1:13">
      <c r="A30" s="75" t="s">
        <v>8</v>
      </c>
      <c r="B30" s="24">
        <v>121</v>
      </c>
      <c r="C30" s="24">
        <v>381</v>
      </c>
      <c r="D30" s="24">
        <v>11</v>
      </c>
      <c r="E30" s="24">
        <v>491</v>
      </c>
      <c r="F30" s="24">
        <v>30</v>
      </c>
      <c r="G30" s="24">
        <v>472</v>
      </c>
    </row>
    <row r="31" spans="1:13">
      <c r="A31" s="83"/>
      <c r="B31" s="21">
        <v>0.24099999999999999</v>
      </c>
      <c r="C31" s="21">
        <v>0.75900000000000001</v>
      </c>
      <c r="D31" s="21">
        <v>2.1999999999999999E-2</v>
      </c>
      <c r="E31" s="21">
        <v>0.97799999999999998</v>
      </c>
      <c r="F31" s="21">
        <v>0.06</v>
      </c>
      <c r="G31" s="21">
        <v>0.94</v>
      </c>
    </row>
    <row r="32" spans="1:13">
      <c r="A32" s="75" t="s">
        <v>9</v>
      </c>
      <c r="B32" s="24">
        <v>193</v>
      </c>
      <c r="C32" s="24">
        <v>648</v>
      </c>
      <c r="D32" s="24">
        <v>6</v>
      </c>
      <c r="E32" s="24">
        <v>835</v>
      </c>
      <c r="F32" s="24">
        <v>37</v>
      </c>
      <c r="G32" s="24">
        <v>804</v>
      </c>
    </row>
    <row r="33" spans="1:7">
      <c r="A33" s="83"/>
      <c r="B33" s="21">
        <v>0.22900000000000001</v>
      </c>
      <c r="C33" s="21">
        <v>0.77100000000000002</v>
      </c>
      <c r="D33" s="21">
        <v>7.0000000000000001E-3</v>
      </c>
      <c r="E33" s="21">
        <v>0.99299999999999999</v>
      </c>
      <c r="F33" s="21">
        <v>4.3999999999999997E-2</v>
      </c>
      <c r="G33" s="21">
        <v>0.95599999999999996</v>
      </c>
    </row>
    <row r="34" spans="1:7">
      <c r="A34" s="84" t="s">
        <v>10</v>
      </c>
      <c r="B34" s="24">
        <v>71</v>
      </c>
      <c r="C34" s="24">
        <v>183</v>
      </c>
      <c r="D34" s="24">
        <v>3</v>
      </c>
      <c r="E34" s="24">
        <v>251</v>
      </c>
      <c r="F34" s="24">
        <v>14</v>
      </c>
      <c r="G34" s="24">
        <v>240</v>
      </c>
    </row>
    <row r="35" spans="1:7">
      <c r="A35" s="85"/>
      <c r="B35" s="21">
        <v>0.28000000000000003</v>
      </c>
      <c r="C35" s="21">
        <v>0.72</v>
      </c>
      <c r="D35" s="21">
        <v>1.2E-2</v>
      </c>
      <c r="E35" s="21">
        <v>0.98799999999999999</v>
      </c>
      <c r="F35" s="21">
        <v>5.5E-2</v>
      </c>
      <c r="G35" s="21">
        <v>0.94499999999999995</v>
      </c>
    </row>
    <row r="36" spans="1:7">
      <c r="A36" s="75" t="s">
        <v>11</v>
      </c>
      <c r="B36" s="24">
        <v>55</v>
      </c>
      <c r="C36" s="24">
        <v>167</v>
      </c>
      <c r="D36" s="24">
        <v>3</v>
      </c>
      <c r="E36" s="24">
        <v>219</v>
      </c>
      <c r="F36" s="24">
        <v>9</v>
      </c>
      <c r="G36" s="24">
        <v>213</v>
      </c>
    </row>
    <row r="37" spans="1:7">
      <c r="A37" s="83"/>
      <c r="B37" s="21">
        <v>0.248</v>
      </c>
      <c r="C37" s="21">
        <v>0.752</v>
      </c>
      <c r="D37" s="21">
        <v>1.4E-2</v>
      </c>
      <c r="E37" s="21">
        <v>0.98599999999999999</v>
      </c>
      <c r="F37" s="21">
        <v>4.1000000000000002E-2</v>
      </c>
      <c r="G37" s="21">
        <v>0.95899999999999996</v>
      </c>
    </row>
    <row r="38" spans="1:7">
      <c r="A38" s="75" t="s">
        <v>12</v>
      </c>
      <c r="B38" s="24">
        <v>47</v>
      </c>
      <c r="C38" s="24">
        <v>165</v>
      </c>
      <c r="D38" s="24">
        <v>7</v>
      </c>
      <c r="E38" s="24">
        <v>205</v>
      </c>
      <c r="F38" s="24">
        <v>12</v>
      </c>
      <c r="G38" s="24">
        <v>200</v>
      </c>
    </row>
    <row r="39" spans="1:7">
      <c r="A39" s="83"/>
      <c r="B39" s="21">
        <v>0.222</v>
      </c>
      <c r="C39" s="21">
        <v>0.77800000000000002</v>
      </c>
      <c r="D39" s="21">
        <v>3.3000000000000002E-2</v>
      </c>
      <c r="E39" s="21">
        <v>0.96699999999999997</v>
      </c>
      <c r="F39" s="21">
        <v>5.7000000000000002E-2</v>
      </c>
      <c r="G39" s="21">
        <v>0.94299999999999995</v>
      </c>
    </row>
    <row r="40" spans="1:7">
      <c r="A40" s="75" t="s">
        <v>13</v>
      </c>
      <c r="B40" s="20">
        <v>222</v>
      </c>
      <c r="C40" s="20">
        <v>845</v>
      </c>
      <c r="D40" s="20">
        <v>16</v>
      </c>
      <c r="E40" s="20">
        <v>1051</v>
      </c>
      <c r="F40" s="20">
        <v>45</v>
      </c>
      <c r="G40" s="20">
        <v>1022</v>
      </c>
    </row>
    <row r="41" spans="1:7">
      <c r="A41" s="83"/>
      <c r="B41" s="21">
        <v>0.20799999999999999</v>
      </c>
      <c r="C41" s="21">
        <v>0.79200000000000004</v>
      </c>
      <c r="D41" s="21">
        <v>1.4999999999999999E-2</v>
      </c>
      <c r="E41" s="21">
        <v>0.98499999999999999</v>
      </c>
      <c r="F41" s="21">
        <v>4.2000000000000003E-2</v>
      </c>
      <c r="G41" s="21">
        <v>0.95799999999999996</v>
      </c>
    </row>
    <row r="42" spans="1:7">
      <c r="A42" s="75" t="s">
        <v>14</v>
      </c>
      <c r="B42" s="24">
        <v>19</v>
      </c>
      <c r="C42" s="24">
        <v>140</v>
      </c>
      <c r="D42" s="24">
        <v>1</v>
      </c>
      <c r="E42" s="24">
        <v>158</v>
      </c>
      <c r="F42" s="24">
        <v>4</v>
      </c>
      <c r="G42" s="24">
        <v>155</v>
      </c>
    </row>
    <row r="43" spans="1:7">
      <c r="A43" s="83"/>
      <c r="B43" s="21">
        <v>0.11899999999999999</v>
      </c>
      <c r="C43" s="21">
        <v>0.88100000000000001</v>
      </c>
      <c r="D43" s="21">
        <v>6.0000000000000001E-3</v>
      </c>
      <c r="E43" s="21">
        <v>0.99399999999999999</v>
      </c>
      <c r="F43" s="21">
        <v>2.5000000000000001E-2</v>
      </c>
      <c r="G43" s="21">
        <v>0.97499999999999998</v>
      </c>
    </row>
    <row r="44" spans="1:7">
      <c r="A44" s="72" t="s">
        <v>22</v>
      </c>
      <c r="B44" s="34">
        <v>5</v>
      </c>
      <c r="C44" s="34">
        <v>36</v>
      </c>
      <c r="D44" s="34">
        <v>0</v>
      </c>
      <c r="E44" s="34">
        <v>41</v>
      </c>
      <c r="F44" s="34">
        <v>3</v>
      </c>
      <c r="G44" s="34">
        <v>38</v>
      </c>
    </row>
    <row r="45" spans="1:7">
      <c r="A45" s="72"/>
      <c r="B45" s="33">
        <v>0.122</v>
      </c>
      <c r="C45" s="33">
        <v>0.878</v>
      </c>
      <c r="D45" s="33">
        <v>0</v>
      </c>
      <c r="E45" s="33">
        <v>1</v>
      </c>
      <c r="F45" s="33">
        <v>7.2999999999999995E-2</v>
      </c>
      <c r="G45" s="33">
        <v>0.92700000000000005</v>
      </c>
    </row>
    <row r="46" spans="1:7">
      <c r="A46" s="75" t="s">
        <v>15</v>
      </c>
      <c r="B46" s="20">
        <v>1249</v>
      </c>
      <c r="C46" s="20">
        <v>4418</v>
      </c>
      <c r="D46" s="20">
        <v>81</v>
      </c>
      <c r="E46" s="20">
        <v>5586</v>
      </c>
      <c r="F46" s="20">
        <v>303</v>
      </c>
      <c r="G46" s="20">
        <v>5364</v>
      </c>
    </row>
    <row r="47" spans="1:7">
      <c r="A47" s="83"/>
      <c r="B47" s="21">
        <v>0.22</v>
      </c>
      <c r="C47" s="21">
        <v>0.78</v>
      </c>
      <c r="D47" s="21">
        <v>1.4E-2</v>
      </c>
      <c r="E47" s="21">
        <v>0.98599999999999999</v>
      </c>
      <c r="F47" s="21">
        <v>5.2999999999999999E-2</v>
      </c>
      <c r="G47" s="21">
        <v>0.94699999999999995</v>
      </c>
    </row>
    <row r="48" spans="1:7">
      <c r="A48" s="71" t="s">
        <v>298</v>
      </c>
      <c r="B48" s="71"/>
      <c r="C48" s="71"/>
      <c r="D48" s="71"/>
      <c r="E48" s="71"/>
      <c r="F48" s="71"/>
      <c r="G48" s="71"/>
    </row>
    <row r="49" spans="1:7">
      <c r="A49" s="81"/>
      <c r="B49" s="81"/>
      <c r="C49" s="81"/>
      <c r="D49" s="81"/>
      <c r="E49" s="81"/>
      <c r="F49" s="81"/>
      <c r="G49" s="81"/>
    </row>
  </sheetData>
  <mergeCells count="30">
    <mergeCell ref="A46:A47"/>
    <mergeCell ref="F26:G26"/>
    <mergeCell ref="A48:G49"/>
    <mergeCell ref="A36:A37"/>
    <mergeCell ref="A38:A39"/>
    <mergeCell ref="A40:A41"/>
    <mergeCell ref="A42:A43"/>
    <mergeCell ref="A44:A45"/>
    <mergeCell ref="A26:A27"/>
    <mergeCell ref="A28:A29"/>
    <mergeCell ref="A30:A31"/>
    <mergeCell ref="A32:A33"/>
    <mergeCell ref="A34:A35"/>
    <mergeCell ref="A1:C1"/>
    <mergeCell ref="A3:A4"/>
    <mergeCell ref="B3:C3"/>
    <mergeCell ref="A5:A6"/>
    <mergeCell ref="A7:A8"/>
    <mergeCell ref="D3:E3"/>
    <mergeCell ref="F3:G3"/>
    <mergeCell ref="B26:C26"/>
    <mergeCell ref="D26:E26"/>
    <mergeCell ref="A9:A10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5"/>
  <dimension ref="A1:Q15"/>
  <sheetViews>
    <sheetView workbookViewId="0">
      <selection activeCell="A2" sqref="A2"/>
    </sheetView>
  </sheetViews>
  <sheetFormatPr defaultColWidth="9" defaultRowHeight="14.25"/>
  <cols>
    <col min="1" max="1" width="26.125" style="18" bestFit="1" customWidth="1"/>
    <col min="2" max="5" width="9" style="18" customWidth="1"/>
    <col min="6" max="16384" width="9" style="18"/>
  </cols>
  <sheetData>
    <row r="1" spans="1:17">
      <c r="A1" s="70" t="s">
        <v>431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53</v>
      </c>
      <c r="B3" s="76" t="s">
        <v>125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25</v>
      </c>
      <c r="B5" s="20">
        <v>499</v>
      </c>
      <c r="C5" s="20">
        <v>300</v>
      </c>
      <c r="D5" s="20">
        <v>10</v>
      </c>
      <c r="E5" s="20">
        <v>809</v>
      </c>
    </row>
    <row r="6" spans="1:17">
      <c r="A6" s="77"/>
      <c r="B6" s="21">
        <v>0.61699999999999999</v>
      </c>
      <c r="C6" s="21">
        <v>0.371</v>
      </c>
      <c r="D6" s="21">
        <v>1.2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45</v>
      </c>
      <c r="B7" s="24">
        <v>121</v>
      </c>
      <c r="C7" s="24">
        <v>85</v>
      </c>
      <c r="D7" s="24">
        <v>4</v>
      </c>
      <c r="E7" s="20">
        <v>210</v>
      </c>
      <c r="J7" s="22"/>
      <c r="K7" s="22"/>
      <c r="L7" s="22"/>
      <c r="M7" s="22"/>
      <c r="N7" s="22"/>
    </row>
    <row r="8" spans="1:17">
      <c r="A8" s="79"/>
      <c r="B8" s="21">
        <v>0.57599999999999996</v>
      </c>
      <c r="C8" s="21">
        <v>0.40500000000000003</v>
      </c>
      <c r="D8" s="21">
        <v>1.9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60</v>
      </c>
      <c r="C9" s="24">
        <v>33</v>
      </c>
      <c r="D9" s="24">
        <v>10</v>
      </c>
      <c r="E9" s="24">
        <v>103</v>
      </c>
    </row>
    <row r="10" spans="1:17">
      <c r="A10" s="99"/>
      <c r="B10" s="21">
        <v>0.58299999999999996</v>
      </c>
      <c r="C10" s="21">
        <v>0.32</v>
      </c>
      <c r="D10" s="21">
        <v>9.7000000000000003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680</v>
      </c>
      <c r="C11" s="20">
        <v>418</v>
      </c>
      <c r="D11" s="20">
        <v>24</v>
      </c>
      <c r="E11" s="20">
        <v>1122</v>
      </c>
    </row>
    <row r="12" spans="1:17">
      <c r="A12" s="74"/>
      <c r="B12" s="21">
        <v>0.60599999999999998</v>
      </c>
      <c r="C12" s="21">
        <v>0.373</v>
      </c>
      <c r="D12" s="21">
        <v>2.1000000000000001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80" t="s">
        <v>216</v>
      </c>
      <c r="B13" s="80"/>
      <c r="C13" s="80"/>
      <c r="D13" s="80"/>
      <c r="E13" s="80"/>
      <c r="J13" s="22"/>
      <c r="K13" s="22"/>
      <c r="L13" s="22"/>
      <c r="M13" s="22"/>
      <c r="N13" s="22"/>
    </row>
    <row r="14" spans="1:17">
      <c r="A14" s="86"/>
      <c r="B14" s="86"/>
      <c r="C14" s="86"/>
      <c r="D14" s="86"/>
      <c r="E14" s="86"/>
      <c r="J14" s="22"/>
      <c r="K14" s="22"/>
      <c r="L14" s="22"/>
      <c r="M14" s="22"/>
      <c r="N14" s="22"/>
      <c r="O14" s="22"/>
    </row>
    <row r="15" spans="1:17">
      <c r="A15" s="86"/>
      <c r="B15" s="86"/>
      <c r="C15" s="86"/>
      <c r="D15" s="86"/>
      <c r="E15" s="86"/>
    </row>
  </sheetData>
  <mergeCells count="8">
    <mergeCell ref="A13:E15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6"/>
  <dimension ref="A1:S14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8.875" style="18" customWidth="1"/>
    <col min="4" max="5" width="9.5" style="18" bestFit="1" customWidth="1"/>
    <col min="6" max="7" width="8.875" style="18" customWidth="1"/>
    <col min="8" max="16384" width="9" style="18"/>
  </cols>
  <sheetData>
    <row r="1" spans="1:19">
      <c r="A1" s="70" t="s">
        <v>432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52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212</v>
      </c>
      <c r="C4" s="11" t="s">
        <v>230</v>
      </c>
      <c r="D4" s="11" t="s">
        <v>149</v>
      </c>
      <c r="E4" s="11" t="s">
        <v>151</v>
      </c>
      <c r="F4" s="11" t="s">
        <v>22</v>
      </c>
      <c r="G4" s="11" t="s">
        <v>15</v>
      </c>
    </row>
    <row r="5" spans="1:19">
      <c r="A5" s="73" t="s">
        <v>25</v>
      </c>
      <c r="B5" s="20">
        <v>91</v>
      </c>
      <c r="C5" s="20">
        <v>280</v>
      </c>
      <c r="D5" s="20">
        <v>367</v>
      </c>
      <c r="E5" s="20">
        <v>489</v>
      </c>
      <c r="F5" s="20">
        <v>2</v>
      </c>
      <c r="G5" s="20">
        <v>1229</v>
      </c>
    </row>
    <row r="6" spans="1:19">
      <c r="A6" s="77"/>
      <c r="B6" s="21">
        <v>7.3999999999999996E-2</v>
      </c>
      <c r="C6" s="21">
        <v>0.22800000000000001</v>
      </c>
      <c r="D6" s="21">
        <v>0.29899999999999999</v>
      </c>
      <c r="E6" s="21">
        <v>0.39800000000000002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45</v>
      </c>
      <c r="B7" s="24">
        <v>46</v>
      </c>
      <c r="C7" s="24">
        <v>86</v>
      </c>
      <c r="D7" s="24">
        <v>84</v>
      </c>
      <c r="E7" s="24">
        <v>135</v>
      </c>
      <c r="F7" s="24">
        <v>3</v>
      </c>
      <c r="G7" s="20">
        <v>354</v>
      </c>
      <c r="L7" s="22"/>
      <c r="M7" s="22"/>
      <c r="N7" s="22"/>
      <c r="O7" s="22"/>
      <c r="P7" s="22"/>
    </row>
    <row r="8" spans="1:19">
      <c r="A8" s="79"/>
      <c r="B8" s="21">
        <v>0.13</v>
      </c>
      <c r="C8" s="21">
        <v>0.24299999999999999</v>
      </c>
      <c r="D8" s="21">
        <v>0.23699999999999999</v>
      </c>
      <c r="E8" s="21">
        <v>0.38100000000000001</v>
      </c>
      <c r="F8" s="21">
        <v>8.000000000000000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18</v>
      </c>
      <c r="C9" s="24">
        <v>34</v>
      </c>
      <c r="D9" s="24">
        <v>47</v>
      </c>
      <c r="E9" s="24">
        <v>84</v>
      </c>
      <c r="F9" s="24">
        <v>1</v>
      </c>
      <c r="G9" s="24">
        <v>184</v>
      </c>
    </row>
    <row r="10" spans="1:19">
      <c r="A10" s="99"/>
      <c r="B10" s="21">
        <v>9.8000000000000004E-2</v>
      </c>
      <c r="C10" s="21">
        <v>0.185</v>
      </c>
      <c r="D10" s="21">
        <v>0.255</v>
      </c>
      <c r="E10" s="21">
        <v>0.45700000000000002</v>
      </c>
      <c r="F10" s="21">
        <v>5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155</v>
      </c>
      <c r="C11" s="20">
        <v>400</v>
      </c>
      <c r="D11" s="20">
        <v>498</v>
      </c>
      <c r="E11" s="20">
        <v>708</v>
      </c>
      <c r="F11" s="20">
        <v>6</v>
      </c>
      <c r="G11" s="20">
        <v>1767</v>
      </c>
    </row>
    <row r="12" spans="1:19">
      <c r="A12" s="74"/>
      <c r="B12" s="21">
        <v>8.7999999999999995E-2</v>
      </c>
      <c r="C12" s="21">
        <v>0.22600000000000001</v>
      </c>
      <c r="D12" s="21">
        <v>0.28199999999999997</v>
      </c>
      <c r="E12" s="21">
        <v>0.40100000000000002</v>
      </c>
      <c r="F12" s="21">
        <v>3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ht="14.25" customHeight="1">
      <c r="A13" s="71" t="s">
        <v>217</v>
      </c>
      <c r="B13" s="71"/>
      <c r="C13" s="71"/>
      <c r="D13" s="71"/>
      <c r="E13" s="71"/>
      <c r="F13" s="71"/>
      <c r="G13" s="71"/>
      <c r="L13" s="22"/>
      <c r="M13" s="22"/>
      <c r="N13" s="22"/>
      <c r="O13" s="22"/>
      <c r="P13" s="22"/>
    </row>
    <row r="14" spans="1:19">
      <c r="A14" s="81"/>
      <c r="B14" s="81"/>
      <c r="C14" s="81"/>
      <c r="D14" s="81"/>
      <c r="E14" s="81"/>
      <c r="F14" s="81"/>
      <c r="G14" s="81"/>
      <c r="L14" s="22"/>
      <c r="M14" s="22"/>
      <c r="N14" s="22"/>
      <c r="O14" s="22"/>
      <c r="P14" s="22"/>
      <c r="Q14" s="2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7"/>
  <dimension ref="A1:R15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2" width="8.875" style="18" customWidth="1"/>
    <col min="3" max="3" width="9.5" style="18" bestFit="1" customWidth="1"/>
    <col min="4" max="6" width="8.875" style="18" customWidth="1"/>
    <col min="7" max="16384" width="9" style="18"/>
  </cols>
  <sheetData>
    <row r="1" spans="1:18">
      <c r="A1" s="70" t="s">
        <v>433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312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226</v>
      </c>
      <c r="D4" s="11" t="s">
        <v>44</v>
      </c>
      <c r="E4" s="11" t="s">
        <v>22</v>
      </c>
      <c r="F4" s="11" t="s">
        <v>15</v>
      </c>
    </row>
    <row r="5" spans="1:18">
      <c r="A5" s="73" t="s">
        <v>25</v>
      </c>
      <c r="B5" s="20">
        <v>130</v>
      </c>
      <c r="C5" s="20">
        <v>220</v>
      </c>
      <c r="D5" s="20">
        <v>878</v>
      </c>
      <c r="E5" s="20">
        <v>1</v>
      </c>
      <c r="F5" s="20">
        <v>1229</v>
      </c>
    </row>
    <row r="6" spans="1:18">
      <c r="A6" s="77"/>
      <c r="B6" s="21">
        <v>0.106</v>
      </c>
      <c r="C6" s="21">
        <v>0.17899999999999999</v>
      </c>
      <c r="D6" s="21">
        <v>0.71399999999999997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53</v>
      </c>
      <c r="C7" s="24">
        <v>70</v>
      </c>
      <c r="D7" s="24">
        <v>223</v>
      </c>
      <c r="E7" s="24">
        <v>8</v>
      </c>
      <c r="F7" s="20">
        <v>354</v>
      </c>
      <c r="K7" s="22"/>
      <c r="L7" s="22"/>
      <c r="M7" s="22"/>
      <c r="N7" s="22"/>
      <c r="O7" s="22"/>
    </row>
    <row r="8" spans="1:18">
      <c r="A8" s="79"/>
      <c r="B8" s="21">
        <v>0.15</v>
      </c>
      <c r="C8" s="21">
        <v>0.19800000000000001</v>
      </c>
      <c r="D8" s="21">
        <v>0.63</v>
      </c>
      <c r="E8" s="21">
        <v>2.3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27</v>
      </c>
      <c r="C9" s="24">
        <v>29</v>
      </c>
      <c r="D9" s="24">
        <v>127</v>
      </c>
      <c r="E9" s="24">
        <v>1</v>
      </c>
      <c r="F9" s="24">
        <v>184</v>
      </c>
    </row>
    <row r="10" spans="1:18">
      <c r="A10" s="99"/>
      <c r="B10" s="21">
        <v>0.14699999999999999</v>
      </c>
      <c r="C10" s="21">
        <v>0.158</v>
      </c>
      <c r="D10" s="21">
        <v>0.69</v>
      </c>
      <c r="E10" s="21">
        <v>5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210</v>
      </c>
      <c r="C11" s="20">
        <v>319</v>
      </c>
      <c r="D11" s="20">
        <v>1228</v>
      </c>
      <c r="E11" s="20">
        <v>10</v>
      </c>
      <c r="F11" s="20">
        <v>1767</v>
      </c>
    </row>
    <row r="12" spans="1:18">
      <c r="A12" s="74"/>
      <c r="B12" s="21">
        <v>0.11899999999999999</v>
      </c>
      <c r="C12" s="21">
        <v>0.18099999999999999</v>
      </c>
      <c r="D12" s="21">
        <v>0.69499999999999995</v>
      </c>
      <c r="E12" s="21">
        <v>6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80" t="s">
        <v>227</v>
      </c>
      <c r="B13" s="80"/>
      <c r="C13" s="80"/>
      <c r="D13" s="80"/>
      <c r="E13" s="80"/>
      <c r="F13" s="80"/>
      <c r="K13" s="22"/>
      <c r="L13" s="22"/>
      <c r="M13" s="22"/>
      <c r="N13" s="22"/>
      <c r="O13" s="22"/>
    </row>
    <row r="14" spans="1:18">
      <c r="A14" s="86"/>
      <c r="B14" s="86"/>
      <c r="C14" s="86"/>
      <c r="D14" s="86"/>
      <c r="E14" s="86"/>
      <c r="F14" s="86"/>
      <c r="K14" s="22"/>
      <c r="L14" s="22"/>
      <c r="M14" s="22"/>
      <c r="N14" s="22"/>
      <c r="O14" s="22"/>
      <c r="P14" s="22"/>
    </row>
    <row r="15" spans="1:18">
      <c r="A15" s="86"/>
      <c r="B15" s="86"/>
      <c r="C15" s="86"/>
      <c r="D15" s="86"/>
      <c r="E15" s="86"/>
      <c r="F15" s="86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8"/>
  <dimension ref="A1:R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34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312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3" t="s">
        <v>25</v>
      </c>
      <c r="B5" s="20">
        <v>532</v>
      </c>
      <c r="C5" s="20">
        <v>508</v>
      </c>
      <c r="D5" s="20">
        <v>187</v>
      </c>
      <c r="E5" s="20">
        <v>2</v>
      </c>
      <c r="F5" s="20">
        <v>1229</v>
      </c>
    </row>
    <row r="6" spans="1:18">
      <c r="A6" s="77"/>
      <c r="B6" s="21">
        <v>0.433</v>
      </c>
      <c r="C6" s="21">
        <v>0.41299999999999998</v>
      </c>
      <c r="D6" s="21">
        <v>0.152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45</v>
      </c>
      <c r="B7" s="24">
        <v>169</v>
      </c>
      <c r="C7" s="24">
        <v>136</v>
      </c>
      <c r="D7" s="24">
        <v>46</v>
      </c>
      <c r="E7" s="24">
        <v>3</v>
      </c>
      <c r="F7" s="20">
        <v>354</v>
      </c>
      <c r="K7" s="22"/>
      <c r="L7" s="22"/>
      <c r="M7" s="22"/>
      <c r="N7" s="22"/>
      <c r="O7" s="22"/>
    </row>
    <row r="8" spans="1:18">
      <c r="A8" s="79"/>
      <c r="B8" s="21">
        <v>0.47699999999999998</v>
      </c>
      <c r="C8" s="21">
        <v>0.38400000000000001</v>
      </c>
      <c r="D8" s="21">
        <v>0.13</v>
      </c>
      <c r="E8" s="21">
        <v>8.000000000000000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76</v>
      </c>
      <c r="C9" s="24">
        <v>81</v>
      </c>
      <c r="D9" s="24">
        <v>27</v>
      </c>
      <c r="E9" s="24">
        <v>0</v>
      </c>
      <c r="F9" s="24">
        <v>184</v>
      </c>
    </row>
    <row r="10" spans="1:18">
      <c r="A10" s="99"/>
      <c r="B10" s="21">
        <v>0.41299999999999998</v>
      </c>
      <c r="C10" s="21">
        <v>0.44</v>
      </c>
      <c r="D10" s="21">
        <v>0.14699999999999999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777</v>
      </c>
      <c r="C11" s="20">
        <v>725</v>
      </c>
      <c r="D11" s="20">
        <v>260</v>
      </c>
      <c r="E11" s="20">
        <v>5</v>
      </c>
      <c r="F11" s="20">
        <v>1767</v>
      </c>
    </row>
    <row r="12" spans="1:18">
      <c r="A12" s="74"/>
      <c r="B12" s="21">
        <v>0.44</v>
      </c>
      <c r="C12" s="21">
        <v>0.41</v>
      </c>
      <c r="D12" s="21">
        <v>0.14699999999999999</v>
      </c>
      <c r="E12" s="21">
        <v>3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261</v>
      </c>
      <c r="B13" s="96"/>
      <c r="C13" s="96"/>
      <c r="D13" s="96"/>
      <c r="E13" s="96"/>
      <c r="F13" s="96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9"/>
  <dimension ref="A1:S14"/>
  <sheetViews>
    <sheetView workbookViewId="0">
      <selection activeCell="A2" sqref="A2"/>
    </sheetView>
  </sheetViews>
  <sheetFormatPr defaultColWidth="9" defaultRowHeight="14.25"/>
  <cols>
    <col min="1" max="1" width="15" style="18" bestFit="1" customWidth="1"/>
    <col min="2" max="4" width="8.875" style="18" customWidth="1"/>
    <col min="5" max="5" width="11.625" style="18" bestFit="1" customWidth="1"/>
    <col min="6" max="7" width="8.875" style="18" customWidth="1"/>
    <col min="8" max="16384" width="9" style="18"/>
  </cols>
  <sheetData>
    <row r="1" spans="1:19">
      <c r="A1" s="70" t="s">
        <v>435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312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3" t="s">
        <v>25</v>
      </c>
      <c r="B5" s="20">
        <v>225</v>
      </c>
      <c r="C5" s="20">
        <v>127</v>
      </c>
      <c r="D5" s="20">
        <v>18</v>
      </c>
      <c r="E5" s="20">
        <v>160</v>
      </c>
      <c r="F5" s="20">
        <v>2</v>
      </c>
      <c r="G5" s="20">
        <v>532</v>
      </c>
    </row>
    <row r="6" spans="1:19">
      <c r="A6" s="77"/>
      <c r="B6" s="21">
        <v>0.42299999999999999</v>
      </c>
      <c r="C6" s="21">
        <v>0.23899999999999999</v>
      </c>
      <c r="D6" s="21">
        <v>3.4000000000000002E-2</v>
      </c>
      <c r="E6" s="21">
        <v>0.30099999999999999</v>
      </c>
      <c r="F6" s="21">
        <v>4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45</v>
      </c>
      <c r="B7" s="24">
        <v>56</v>
      </c>
      <c r="C7" s="24">
        <v>35</v>
      </c>
      <c r="D7" s="24">
        <v>17</v>
      </c>
      <c r="E7" s="24">
        <v>61</v>
      </c>
      <c r="F7" s="24">
        <v>0</v>
      </c>
      <c r="G7" s="20">
        <v>169</v>
      </c>
      <c r="L7" s="22"/>
      <c r="M7" s="22"/>
      <c r="N7" s="22"/>
      <c r="O7" s="22"/>
      <c r="P7" s="22"/>
    </row>
    <row r="8" spans="1:19">
      <c r="A8" s="79"/>
      <c r="B8" s="21">
        <v>0.33100000000000002</v>
      </c>
      <c r="C8" s="21">
        <v>0.20699999999999999</v>
      </c>
      <c r="D8" s="21">
        <v>0.10100000000000001</v>
      </c>
      <c r="E8" s="21">
        <v>0.36099999999999999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7">
        <v>26</v>
      </c>
      <c r="C9" s="27">
        <v>21</v>
      </c>
      <c r="D9" s="27">
        <v>4</v>
      </c>
      <c r="E9" s="27">
        <v>23</v>
      </c>
      <c r="F9" s="27">
        <v>2</v>
      </c>
      <c r="G9" s="27">
        <v>76</v>
      </c>
    </row>
    <row r="10" spans="1:19">
      <c r="A10" s="99"/>
      <c r="B10" s="21">
        <v>0.34200000000000003</v>
      </c>
      <c r="C10" s="21">
        <v>0.27600000000000002</v>
      </c>
      <c r="D10" s="21">
        <v>5.2999999999999999E-2</v>
      </c>
      <c r="E10" s="21">
        <v>0.30299999999999999</v>
      </c>
      <c r="F10" s="21">
        <v>2.5999999999999999E-2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307</v>
      </c>
      <c r="C11" s="20">
        <v>183</v>
      </c>
      <c r="D11" s="20">
        <v>39</v>
      </c>
      <c r="E11" s="20">
        <v>244</v>
      </c>
      <c r="F11" s="20">
        <v>4</v>
      </c>
      <c r="G11" s="20">
        <v>777</v>
      </c>
    </row>
    <row r="12" spans="1:19">
      <c r="A12" s="74"/>
      <c r="B12" s="21">
        <v>0.39500000000000002</v>
      </c>
      <c r="C12" s="21">
        <v>0.23599999999999999</v>
      </c>
      <c r="D12" s="21">
        <v>0.05</v>
      </c>
      <c r="E12" s="21">
        <v>0.314</v>
      </c>
      <c r="F12" s="21">
        <v>5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0" t="s">
        <v>218</v>
      </c>
      <c r="B13" s="98"/>
      <c r="C13" s="98"/>
      <c r="D13" s="98"/>
      <c r="E13" s="98"/>
      <c r="F13" s="98"/>
      <c r="G13" s="98"/>
      <c r="L13" s="22"/>
      <c r="M13" s="22"/>
      <c r="N13" s="22"/>
      <c r="O13" s="22"/>
      <c r="P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8"/>
  <dimension ref="A1:R10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6" width="8.875" style="18" customWidth="1"/>
    <col min="7" max="16384" width="9" style="18"/>
  </cols>
  <sheetData>
    <row r="1" spans="1:18">
      <c r="A1" s="70" t="s">
        <v>436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37</v>
      </c>
      <c r="B3" s="76" t="s">
        <v>250</v>
      </c>
      <c r="C3" s="76"/>
      <c r="D3" s="76"/>
      <c r="E3" s="76"/>
      <c r="F3" s="76"/>
    </row>
    <row r="4" spans="1:18">
      <c r="A4" s="84"/>
      <c r="B4" s="11" t="s">
        <v>152</v>
      </c>
      <c r="C4" s="11" t="s">
        <v>153</v>
      </c>
      <c r="D4" s="11" t="s">
        <v>145</v>
      </c>
      <c r="E4" s="11" t="s">
        <v>22</v>
      </c>
      <c r="F4" s="11" t="s">
        <v>15</v>
      </c>
    </row>
    <row r="5" spans="1:18">
      <c r="A5" s="73" t="s">
        <v>33</v>
      </c>
      <c r="B5" s="20">
        <v>595</v>
      </c>
      <c r="C5" s="20">
        <v>3909</v>
      </c>
      <c r="D5" s="20">
        <v>822</v>
      </c>
      <c r="E5" s="20">
        <v>570</v>
      </c>
      <c r="F5" s="20">
        <v>5896</v>
      </c>
    </row>
    <row r="6" spans="1:18">
      <c r="A6" s="77"/>
      <c r="B6" s="21">
        <v>0.10100000000000001</v>
      </c>
      <c r="C6" s="21">
        <v>0.66300000000000003</v>
      </c>
      <c r="D6" s="21">
        <v>0.13900000000000001</v>
      </c>
      <c r="E6" s="21">
        <v>9.7000000000000003E-2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5</v>
      </c>
      <c r="B7" s="20">
        <v>595</v>
      </c>
      <c r="C7" s="20">
        <v>3909</v>
      </c>
      <c r="D7" s="20">
        <v>822</v>
      </c>
      <c r="E7" s="20">
        <v>570</v>
      </c>
      <c r="F7" s="20">
        <v>5896</v>
      </c>
    </row>
    <row r="8" spans="1:18">
      <c r="A8" s="74"/>
      <c r="B8" s="21">
        <v>0.10100000000000001</v>
      </c>
      <c r="C8" s="21">
        <v>0.66300000000000003</v>
      </c>
      <c r="D8" s="21">
        <v>0.13900000000000001</v>
      </c>
      <c r="E8" s="21">
        <v>9.7000000000000003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80" t="s">
        <v>591</v>
      </c>
      <c r="B9" s="98"/>
      <c r="C9" s="98"/>
      <c r="D9" s="98"/>
      <c r="E9" s="98"/>
      <c r="F9" s="98"/>
      <c r="K9" s="22"/>
      <c r="L9" s="22"/>
      <c r="M9" s="22"/>
      <c r="N9" s="22"/>
      <c r="O9" s="22"/>
    </row>
    <row r="10" spans="1:18">
      <c r="A10" s="25"/>
      <c r="B10" s="25"/>
      <c r="C10" s="25"/>
      <c r="D10" s="25"/>
      <c r="E10" s="25"/>
      <c r="F10" s="25"/>
      <c r="K10" s="22"/>
      <c r="L10" s="22"/>
      <c r="M10" s="22"/>
      <c r="N10" s="22"/>
      <c r="O10" s="22"/>
      <c r="P10" s="22"/>
    </row>
  </sheetData>
  <mergeCells count="6">
    <mergeCell ref="A7:A8"/>
    <mergeCell ref="A9:F9"/>
    <mergeCell ref="A1:F1"/>
    <mergeCell ref="A3:A4"/>
    <mergeCell ref="B3:F3"/>
    <mergeCell ref="A5:A6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9"/>
  <dimension ref="A1:Q18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5" width="9" style="18" customWidth="1"/>
    <col min="6" max="16384" width="9" style="18"/>
  </cols>
  <sheetData>
    <row r="1" spans="1:17">
      <c r="A1" s="70" t="s">
        <v>437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32</v>
      </c>
      <c r="B3" s="76" t="s">
        <v>116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33</v>
      </c>
      <c r="B5" s="20">
        <v>3372</v>
      </c>
      <c r="C5" s="20">
        <v>2492</v>
      </c>
      <c r="D5" s="20">
        <v>32</v>
      </c>
      <c r="E5" s="20">
        <v>5896</v>
      </c>
    </row>
    <row r="6" spans="1:17">
      <c r="A6" s="77"/>
      <c r="B6" s="21">
        <v>0.57199999999999995</v>
      </c>
      <c r="C6" s="21">
        <v>0.42299999999999999</v>
      </c>
      <c r="D6" s="21">
        <v>5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34</v>
      </c>
      <c r="B7" s="24">
        <v>80</v>
      </c>
      <c r="C7" s="24">
        <v>57</v>
      </c>
      <c r="D7" s="24">
        <v>1</v>
      </c>
      <c r="E7" s="20">
        <v>138</v>
      </c>
      <c r="J7" s="22"/>
      <c r="K7" s="22"/>
      <c r="L7" s="22"/>
      <c r="M7" s="22"/>
      <c r="N7" s="22"/>
    </row>
    <row r="8" spans="1:17">
      <c r="A8" s="79"/>
      <c r="B8" s="21">
        <v>0.57999999999999996</v>
      </c>
      <c r="C8" s="21">
        <v>0.41299999999999998</v>
      </c>
      <c r="D8" s="21">
        <v>7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87" t="s">
        <v>36</v>
      </c>
      <c r="B9" s="24">
        <v>17</v>
      </c>
      <c r="C9" s="24">
        <v>8</v>
      </c>
      <c r="D9" s="24">
        <v>0</v>
      </c>
      <c r="E9" s="24">
        <v>25</v>
      </c>
    </row>
    <row r="10" spans="1:17">
      <c r="A10" s="88"/>
      <c r="B10" s="21">
        <v>0.68</v>
      </c>
      <c r="C10" s="21">
        <v>0.32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102" t="s">
        <v>35</v>
      </c>
      <c r="B11" s="24">
        <v>3</v>
      </c>
      <c r="C11" s="24">
        <v>1</v>
      </c>
      <c r="D11" s="24">
        <v>0</v>
      </c>
      <c r="E11" s="24">
        <v>4</v>
      </c>
    </row>
    <row r="12" spans="1:17">
      <c r="A12" s="99"/>
      <c r="B12" s="21">
        <v>0.75</v>
      </c>
      <c r="C12" s="21">
        <v>0.25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95" t="s">
        <v>22</v>
      </c>
      <c r="B13" s="24">
        <v>3</v>
      </c>
      <c r="C13" s="24">
        <v>4</v>
      </c>
      <c r="D13" s="24">
        <v>0</v>
      </c>
      <c r="E13" s="24">
        <v>7</v>
      </c>
    </row>
    <row r="14" spans="1:17">
      <c r="A14" s="99"/>
      <c r="B14" s="21">
        <v>0.42899999999999999</v>
      </c>
      <c r="C14" s="21">
        <v>0.57099999999999995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3475</v>
      </c>
      <c r="C15" s="20">
        <v>2562</v>
      </c>
      <c r="D15" s="20">
        <v>33</v>
      </c>
      <c r="E15" s="20">
        <v>6070</v>
      </c>
    </row>
    <row r="16" spans="1:17">
      <c r="A16" s="74"/>
      <c r="B16" s="21">
        <v>0.57199999999999995</v>
      </c>
      <c r="C16" s="21">
        <v>0.42199999999999999</v>
      </c>
      <c r="D16" s="21">
        <v>5.0000000000000001E-3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5">
      <c r="A17" s="80" t="s">
        <v>45</v>
      </c>
      <c r="B17" s="98"/>
      <c r="C17" s="98"/>
      <c r="D17" s="98"/>
      <c r="E17" s="98"/>
      <c r="J17" s="22"/>
      <c r="K17" s="22"/>
      <c r="L17" s="22"/>
      <c r="M17" s="22"/>
      <c r="N17" s="22"/>
    </row>
    <row r="18" spans="1:15">
      <c r="A18" s="25"/>
      <c r="B18" s="25"/>
      <c r="C18" s="25"/>
      <c r="D18" s="25"/>
      <c r="E18" s="25"/>
      <c r="J18" s="22"/>
      <c r="K18" s="22"/>
      <c r="L18" s="22"/>
      <c r="M18" s="22"/>
      <c r="N18" s="22"/>
      <c r="O18" s="22"/>
    </row>
  </sheetData>
  <mergeCells count="10">
    <mergeCell ref="A15:A16"/>
    <mergeCell ref="A17:E17"/>
    <mergeCell ref="A9:A10"/>
    <mergeCell ref="A11:A12"/>
    <mergeCell ref="A1:E1"/>
    <mergeCell ref="A3:A4"/>
    <mergeCell ref="B3:E3"/>
    <mergeCell ref="A5:A6"/>
    <mergeCell ref="A7:A8"/>
    <mergeCell ref="A13:A14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0"/>
  <dimension ref="A1:Q18"/>
  <sheetViews>
    <sheetView workbookViewId="0">
      <selection activeCell="A2" sqref="A2"/>
    </sheetView>
  </sheetViews>
  <sheetFormatPr defaultColWidth="9" defaultRowHeight="14.25"/>
  <cols>
    <col min="1" max="1" width="16.125" style="18" bestFit="1" customWidth="1"/>
    <col min="2" max="2" width="18.375" style="18" bestFit="1" customWidth="1"/>
    <col min="3" max="3" width="25" style="18" bestFit="1" customWidth="1"/>
    <col min="4" max="5" width="8.875" style="18" customWidth="1"/>
    <col min="6" max="16384" width="9" style="18"/>
  </cols>
  <sheetData>
    <row r="1" spans="1:17">
      <c r="A1" s="70" t="s">
        <v>438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148</v>
      </c>
      <c r="B3" s="76" t="s">
        <v>117</v>
      </c>
      <c r="C3" s="76"/>
      <c r="D3" s="76"/>
      <c r="E3" s="76"/>
    </row>
    <row r="4" spans="1:17" ht="28.5">
      <c r="A4" s="84"/>
      <c r="B4" s="11" t="s">
        <v>187</v>
      </c>
      <c r="C4" s="11" t="s">
        <v>188</v>
      </c>
      <c r="D4" s="11" t="s">
        <v>22</v>
      </c>
      <c r="E4" s="11" t="s">
        <v>15</v>
      </c>
    </row>
    <row r="5" spans="1:17">
      <c r="A5" s="73" t="s">
        <v>33</v>
      </c>
      <c r="B5" s="20">
        <v>3957</v>
      </c>
      <c r="C5" s="20">
        <v>1934</v>
      </c>
      <c r="D5" s="20">
        <v>5</v>
      </c>
      <c r="E5" s="20">
        <v>5896</v>
      </c>
    </row>
    <row r="6" spans="1:17">
      <c r="A6" s="77"/>
      <c r="B6" s="21">
        <v>0.67100000000000004</v>
      </c>
      <c r="C6" s="21">
        <v>0.32800000000000001</v>
      </c>
      <c r="D6" s="21">
        <v>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34</v>
      </c>
      <c r="B7" s="24">
        <v>63</v>
      </c>
      <c r="C7" s="24">
        <v>75</v>
      </c>
      <c r="D7" s="24">
        <v>0</v>
      </c>
      <c r="E7" s="20">
        <v>138</v>
      </c>
      <c r="J7" s="22"/>
      <c r="K7" s="22"/>
      <c r="L7" s="22"/>
      <c r="M7" s="22"/>
      <c r="N7" s="22"/>
    </row>
    <row r="8" spans="1:17">
      <c r="A8" s="79"/>
      <c r="B8" s="21">
        <v>0.45700000000000002</v>
      </c>
      <c r="C8" s="21">
        <v>0.54300000000000004</v>
      </c>
      <c r="D8" s="21">
        <v>0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36</v>
      </c>
      <c r="B9" s="24">
        <v>10</v>
      </c>
      <c r="C9" s="24">
        <v>15</v>
      </c>
      <c r="D9" s="24">
        <v>0</v>
      </c>
      <c r="E9" s="24">
        <v>25</v>
      </c>
    </row>
    <row r="10" spans="1:17">
      <c r="A10" s="99"/>
      <c r="B10" s="21">
        <v>0.4</v>
      </c>
      <c r="C10" s="21">
        <v>0.6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102" t="s">
        <v>35</v>
      </c>
      <c r="B11" s="24">
        <v>1</v>
      </c>
      <c r="C11" s="24">
        <v>3</v>
      </c>
      <c r="D11" s="24">
        <v>0</v>
      </c>
      <c r="E11" s="24">
        <v>4</v>
      </c>
    </row>
    <row r="12" spans="1:17">
      <c r="A12" s="99"/>
      <c r="B12" s="21">
        <v>0.25</v>
      </c>
      <c r="C12" s="21">
        <v>0.75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95" t="s">
        <v>22</v>
      </c>
      <c r="B13" s="24">
        <v>7</v>
      </c>
      <c r="C13" s="24">
        <v>0</v>
      </c>
      <c r="D13" s="24">
        <v>0</v>
      </c>
      <c r="E13" s="24">
        <v>7</v>
      </c>
    </row>
    <row r="14" spans="1:17">
      <c r="A14" s="99"/>
      <c r="B14" s="21">
        <v>1</v>
      </c>
      <c r="C14" s="21">
        <v>0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4038</v>
      </c>
      <c r="C15" s="20">
        <v>2027</v>
      </c>
      <c r="D15" s="20">
        <v>5</v>
      </c>
      <c r="E15" s="20">
        <v>6070</v>
      </c>
    </row>
    <row r="16" spans="1:17">
      <c r="A16" s="74"/>
      <c r="B16" s="21">
        <v>0.66500000000000004</v>
      </c>
      <c r="C16" s="21">
        <v>0.33400000000000002</v>
      </c>
      <c r="D16" s="21">
        <v>1E-3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5">
      <c r="A17" s="71" t="s">
        <v>50</v>
      </c>
      <c r="B17" s="96"/>
      <c r="C17" s="96"/>
      <c r="D17" s="96"/>
      <c r="E17" s="96"/>
      <c r="J17" s="22"/>
      <c r="K17" s="22"/>
      <c r="L17" s="22"/>
      <c r="M17" s="22"/>
      <c r="N17" s="22"/>
    </row>
    <row r="18" spans="1:15">
      <c r="A18" s="25"/>
      <c r="B18" s="25"/>
      <c r="C18" s="25"/>
      <c r="D18" s="25"/>
      <c r="E18" s="25"/>
      <c r="J18" s="22"/>
      <c r="K18" s="22"/>
      <c r="L18" s="22"/>
      <c r="M18" s="22"/>
      <c r="N18" s="22"/>
      <c r="O18" s="22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1"/>
  <dimension ref="A1:R18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4" width="9.5" style="18" bestFit="1" customWidth="1"/>
    <col min="5" max="6" width="8.875" style="18" customWidth="1"/>
    <col min="7" max="16384" width="9" style="18"/>
  </cols>
  <sheetData>
    <row r="1" spans="1:18">
      <c r="A1" s="70" t="s">
        <v>439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148</v>
      </c>
      <c r="B3" s="76" t="s">
        <v>118</v>
      </c>
      <c r="C3" s="76"/>
      <c r="D3" s="76"/>
      <c r="E3" s="76"/>
      <c r="F3" s="76"/>
    </row>
    <row r="4" spans="1:18" ht="28.5">
      <c r="A4" s="84"/>
      <c r="B4" s="11" t="s">
        <v>214</v>
      </c>
      <c r="C4" s="11" t="s">
        <v>215</v>
      </c>
      <c r="D4" s="11" t="s">
        <v>54</v>
      </c>
      <c r="E4" s="11" t="s">
        <v>22</v>
      </c>
      <c r="F4" s="11" t="s">
        <v>15</v>
      </c>
    </row>
    <row r="5" spans="1:18">
      <c r="A5" s="73" t="s">
        <v>33</v>
      </c>
      <c r="B5" s="20">
        <v>547</v>
      </c>
      <c r="C5" s="20">
        <v>2677</v>
      </c>
      <c r="D5" s="20">
        <v>2669</v>
      </c>
      <c r="E5" s="20">
        <v>3</v>
      </c>
      <c r="F5" s="20">
        <v>5896</v>
      </c>
    </row>
    <row r="6" spans="1:18">
      <c r="A6" s="77"/>
      <c r="B6" s="21">
        <v>9.2999999999999999E-2</v>
      </c>
      <c r="C6" s="21">
        <v>0.45400000000000001</v>
      </c>
      <c r="D6" s="21">
        <v>0.45300000000000001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229</v>
      </c>
      <c r="B7" s="24">
        <v>3</v>
      </c>
      <c r="C7" s="24">
        <v>51</v>
      </c>
      <c r="D7" s="24">
        <v>84</v>
      </c>
      <c r="E7" s="24">
        <v>0</v>
      </c>
      <c r="F7" s="20">
        <v>138</v>
      </c>
      <c r="K7" s="22"/>
      <c r="L7" s="22"/>
      <c r="M7" s="22"/>
      <c r="N7" s="22"/>
      <c r="O7" s="22"/>
    </row>
    <row r="8" spans="1:18">
      <c r="A8" s="79"/>
      <c r="B8" s="21">
        <v>2.1999999999999999E-2</v>
      </c>
      <c r="C8" s="21">
        <v>0.37</v>
      </c>
      <c r="D8" s="21">
        <v>0.60899999999999999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36</v>
      </c>
      <c r="B9" s="24">
        <v>1</v>
      </c>
      <c r="C9" s="24">
        <v>8</v>
      </c>
      <c r="D9" s="24">
        <v>16</v>
      </c>
      <c r="E9" s="24">
        <v>0</v>
      </c>
      <c r="F9" s="24">
        <v>25</v>
      </c>
    </row>
    <row r="10" spans="1:18">
      <c r="A10" s="99"/>
      <c r="B10" s="21">
        <v>0.04</v>
      </c>
      <c r="C10" s="21">
        <v>0.32</v>
      </c>
      <c r="D10" s="21">
        <v>0.64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102" t="s">
        <v>35</v>
      </c>
      <c r="B11" s="24">
        <v>0</v>
      </c>
      <c r="C11" s="24">
        <v>2</v>
      </c>
      <c r="D11" s="24">
        <v>2</v>
      </c>
      <c r="E11" s="24">
        <v>0</v>
      </c>
      <c r="F11" s="24">
        <v>4</v>
      </c>
    </row>
    <row r="12" spans="1:18">
      <c r="A12" s="99"/>
      <c r="B12" s="21">
        <v>0</v>
      </c>
      <c r="C12" s="21">
        <v>0.5</v>
      </c>
      <c r="D12" s="21">
        <v>0.5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95" t="s">
        <v>22</v>
      </c>
      <c r="B13" s="24">
        <v>2</v>
      </c>
      <c r="C13" s="24">
        <v>2</v>
      </c>
      <c r="D13" s="24">
        <v>3</v>
      </c>
      <c r="E13" s="24">
        <v>0</v>
      </c>
      <c r="F13" s="24">
        <v>7</v>
      </c>
    </row>
    <row r="14" spans="1:18">
      <c r="A14" s="99"/>
      <c r="B14" s="21">
        <v>0.28599999999999998</v>
      </c>
      <c r="C14" s="21">
        <v>0.28599999999999998</v>
      </c>
      <c r="D14" s="21">
        <v>0.42899999999999999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553</v>
      </c>
      <c r="C15" s="20">
        <v>2740</v>
      </c>
      <c r="D15" s="20">
        <v>2774</v>
      </c>
      <c r="E15" s="20">
        <v>3</v>
      </c>
      <c r="F15" s="20">
        <v>6070</v>
      </c>
    </row>
    <row r="16" spans="1:18">
      <c r="A16" s="74"/>
      <c r="B16" s="21">
        <v>9.0999999999999998E-2</v>
      </c>
      <c r="C16" s="21">
        <v>0.45100000000000001</v>
      </c>
      <c r="D16" s="21">
        <v>0.45700000000000002</v>
      </c>
      <c r="E16" s="21">
        <v>0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 ht="14.25" customHeight="1">
      <c r="A17" s="71" t="s">
        <v>58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6">
      <c r="A18" s="81"/>
      <c r="B18" s="81"/>
      <c r="C18" s="81"/>
      <c r="D18" s="81"/>
      <c r="E18" s="81"/>
      <c r="F18" s="81"/>
      <c r="K18" s="22"/>
      <c r="L18" s="22"/>
      <c r="M18" s="22"/>
      <c r="N18" s="22"/>
      <c r="O18" s="22"/>
      <c r="P18" s="2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2"/>
  <dimension ref="A1:T18"/>
  <sheetViews>
    <sheetView workbookViewId="0">
      <selection activeCell="A2" sqref="A2"/>
    </sheetView>
  </sheetViews>
  <sheetFormatPr defaultColWidth="9" defaultRowHeight="14.25"/>
  <cols>
    <col min="1" max="1" width="11.625" style="18" customWidth="1"/>
    <col min="2" max="8" width="9" style="18" customWidth="1"/>
    <col min="9" max="16384" width="9" style="18"/>
  </cols>
  <sheetData>
    <row r="1" spans="1:20">
      <c r="A1" s="70" t="s">
        <v>440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84" t="s">
        <v>148</v>
      </c>
      <c r="B3" s="76" t="s">
        <v>119</v>
      </c>
      <c r="C3" s="76"/>
      <c r="D3" s="76"/>
      <c r="E3" s="76"/>
      <c r="F3" s="76"/>
      <c r="G3" s="76"/>
      <c r="H3" s="76"/>
    </row>
    <row r="4" spans="1:20" ht="42.75">
      <c r="A4" s="84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1" t="s">
        <v>15</v>
      </c>
    </row>
    <row r="5" spans="1:20">
      <c r="A5" s="73" t="s">
        <v>33</v>
      </c>
      <c r="B5" s="20">
        <v>602</v>
      </c>
      <c r="C5" s="20">
        <v>1492</v>
      </c>
      <c r="D5" s="20">
        <v>1104</v>
      </c>
      <c r="E5" s="20">
        <v>1757</v>
      </c>
      <c r="F5" s="20">
        <v>939</v>
      </c>
      <c r="G5" s="20">
        <v>2</v>
      </c>
      <c r="H5" s="20">
        <v>5896</v>
      </c>
    </row>
    <row r="6" spans="1:20">
      <c r="A6" s="77"/>
      <c r="B6" s="21">
        <v>0.10199999999999999</v>
      </c>
      <c r="C6" s="21">
        <v>0.253</v>
      </c>
      <c r="D6" s="21">
        <v>0.187</v>
      </c>
      <c r="E6" s="21">
        <v>0.29799999999999999</v>
      </c>
      <c r="F6" s="21">
        <v>0.159</v>
      </c>
      <c r="G6" s="21">
        <v>0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>
      <c r="A7" s="78" t="s">
        <v>229</v>
      </c>
      <c r="B7" s="24">
        <v>11</v>
      </c>
      <c r="C7" s="24">
        <v>32</v>
      </c>
      <c r="D7" s="24">
        <v>24</v>
      </c>
      <c r="E7" s="24">
        <v>48</v>
      </c>
      <c r="F7" s="24">
        <v>23</v>
      </c>
      <c r="G7" s="24">
        <v>0</v>
      </c>
      <c r="H7" s="20">
        <v>138</v>
      </c>
      <c r="M7" s="22"/>
      <c r="N7" s="22"/>
      <c r="O7" s="22"/>
      <c r="P7" s="22"/>
      <c r="Q7" s="22"/>
    </row>
    <row r="8" spans="1:20">
      <c r="A8" s="79"/>
      <c r="B8" s="21">
        <v>0.08</v>
      </c>
      <c r="C8" s="21">
        <v>0.23200000000000001</v>
      </c>
      <c r="D8" s="21">
        <v>0.17399999999999999</v>
      </c>
      <c r="E8" s="21">
        <v>0.34799999999999998</v>
      </c>
      <c r="F8" s="21">
        <v>0.16700000000000001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95" t="s">
        <v>36</v>
      </c>
      <c r="B9" s="24">
        <v>2</v>
      </c>
      <c r="C9" s="24">
        <v>4</v>
      </c>
      <c r="D9" s="24">
        <v>6</v>
      </c>
      <c r="E9" s="24">
        <v>6</v>
      </c>
      <c r="F9" s="24">
        <v>7</v>
      </c>
      <c r="G9" s="24">
        <v>0</v>
      </c>
      <c r="H9" s="24">
        <v>25</v>
      </c>
    </row>
    <row r="10" spans="1:20">
      <c r="A10" s="99"/>
      <c r="B10" s="21">
        <v>0.08</v>
      </c>
      <c r="C10" s="21">
        <v>0.16</v>
      </c>
      <c r="D10" s="21">
        <v>0.24</v>
      </c>
      <c r="E10" s="21">
        <v>0.24</v>
      </c>
      <c r="F10" s="21">
        <v>0.28000000000000003</v>
      </c>
      <c r="G10" s="21">
        <v>0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>
      <c r="A11" s="102" t="s">
        <v>35</v>
      </c>
      <c r="B11" s="24">
        <v>0</v>
      </c>
      <c r="C11" s="24">
        <v>0</v>
      </c>
      <c r="D11" s="24">
        <v>0</v>
      </c>
      <c r="E11" s="24">
        <v>4</v>
      </c>
      <c r="F11" s="24">
        <v>0</v>
      </c>
      <c r="G11" s="24">
        <v>0</v>
      </c>
      <c r="H11" s="24">
        <v>4</v>
      </c>
    </row>
    <row r="12" spans="1:20">
      <c r="A12" s="99"/>
      <c r="B12" s="21">
        <v>0</v>
      </c>
      <c r="C12" s="21">
        <v>0</v>
      </c>
      <c r="D12" s="21">
        <v>0</v>
      </c>
      <c r="E12" s="21">
        <v>1</v>
      </c>
      <c r="F12" s="21">
        <v>0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>
      <c r="A13" s="95" t="s">
        <v>22</v>
      </c>
      <c r="B13" s="24">
        <v>2</v>
      </c>
      <c r="C13" s="24">
        <v>2</v>
      </c>
      <c r="D13" s="24">
        <v>1</v>
      </c>
      <c r="E13" s="24">
        <v>1</v>
      </c>
      <c r="F13" s="24">
        <v>1</v>
      </c>
      <c r="G13" s="24">
        <v>0</v>
      </c>
      <c r="H13" s="24">
        <v>7</v>
      </c>
    </row>
    <row r="14" spans="1:20">
      <c r="A14" s="99"/>
      <c r="B14" s="21">
        <v>0.28599999999999998</v>
      </c>
      <c r="C14" s="21">
        <v>0.28599999999999998</v>
      </c>
      <c r="D14" s="21">
        <v>0.14299999999999999</v>
      </c>
      <c r="E14" s="21">
        <v>0.14299999999999999</v>
      </c>
      <c r="F14" s="21">
        <v>0.14299999999999999</v>
      </c>
      <c r="G14" s="21">
        <v>0</v>
      </c>
      <c r="H14" s="21">
        <v>1</v>
      </c>
      <c r="M14" s="22"/>
      <c r="N14" s="22"/>
      <c r="O14" s="22"/>
      <c r="P14" s="22"/>
      <c r="Q14" s="22"/>
      <c r="R14" s="22"/>
      <c r="S14" s="22"/>
      <c r="T14" s="22"/>
    </row>
    <row r="15" spans="1:20" s="23" customFormat="1">
      <c r="A15" s="73" t="s">
        <v>15</v>
      </c>
      <c r="B15" s="20">
        <v>617</v>
      </c>
      <c r="C15" s="20">
        <v>1530</v>
      </c>
      <c r="D15" s="20">
        <v>1135</v>
      </c>
      <c r="E15" s="20">
        <v>1816</v>
      </c>
      <c r="F15" s="20">
        <v>970</v>
      </c>
      <c r="G15" s="20">
        <v>2</v>
      </c>
      <c r="H15" s="20">
        <v>6070</v>
      </c>
    </row>
    <row r="16" spans="1:20">
      <c r="A16" s="74"/>
      <c r="B16" s="21">
        <v>0.10199999999999999</v>
      </c>
      <c r="C16" s="21">
        <v>0.252</v>
      </c>
      <c r="D16" s="21">
        <v>0.187</v>
      </c>
      <c r="E16" s="21">
        <v>0.29899999999999999</v>
      </c>
      <c r="F16" s="21">
        <v>0.16</v>
      </c>
      <c r="G16" s="21">
        <v>0</v>
      </c>
      <c r="H16" s="21">
        <v>1</v>
      </c>
      <c r="M16" s="22"/>
      <c r="N16" s="22"/>
      <c r="O16" s="22"/>
      <c r="P16" s="22"/>
      <c r="Q16" s="22"/>
      <c r="R16" s="22"/>
      <c r="S16" s="22"/>
      <c r="T16" s="22"/>
    </row>
    <row r="17" spans="1:18">
      <c r="A17" s="71" t="s">
        <v>65</v>
      </c>
      <c r="B17" s="96"/>
      <c r="C17" s="96"/>
      <c r="D17" s="96"/>
      <c r="E17" s="96"/>
      <c r="F17" s="96"/>
      <c r="G17" s="96"/>
      <c r="H17" s="96"/>
      <c r="M17" s="22"/>
      <c r="N17" s="22"/>
      <c r="O17" s="22"/>
      <c r="P17" s="22"/>
      <c r="Q17" s="22"/>
    </row>
    <row r="18" spans="1:18">
      <c r="A18" s="25"/>
      <c r="B18" s="25"/>
      <c r="C18" s="25"/>
      <c r="D18" s="25"/>
      <c r="E18" s="25"/>
      <c r="F18" s="25"/>
      <c r="G18" s="25"/>
      <c r="H18" s="25"/>
      <c r="M18" s="22"/>
      <c r="N18" s="22"/>
      <c r="O18" s="22"/>
      <c r="P18" s="22"/>
      <c r="Q18" s="22"/>
      <c r="R18" s="22"/>
    </row>
  </sheetData>
  <mergeCells count="10">
    <mergeCell ref="A11:A12"/>
    <mergeCell ref="A13:A14"/>
    <mergeCell ref="A15:A16"/>
    <mergeCell ref="A17:H17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7"/>
  <dimension ref="A1:N51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.625" style="18" customWidth="1"/>
    <col min="8" max="16384" width="9" style="18"/>
  </cols>
  <sheetData>
    <row r="1" spans="1:14">
      <c r="A1" s="36" t="s">
        <v>279</v>
      </c>
    </row>
    <row r="2" spans="1:14">
      <c r="A2" s="121" t="s">
        <v>613</v>
      </c>
    </row>
    <row r="3" spans="1:14" ht="30.75" customHeight="1">
      <c r="A3" s="75" t="s">
        <v>6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4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7</v>
      </c>
      <c r="B5" s="20">
        <v>472</v>
      </c>
      <c r="C5" s="20">
        <v>1897</v>
      </c>
      <c r="D5" s="20">
        <v>86</v>
      </c>
      <c r="E5" s="20">
        <v>2283</v>
      </c>
      <c r="F5" s="20">
        <v>387</v>
      </c>
      <c r="G5" s="20">
        <v>1982</v>
      </c>
    </row>
    <row r="6" spans="1:14">
      <c r="A6" s="75"/>
      <c r="B6" s="21">
        <v>0.19900000000000001</v>
      </c>
      <c r="C6" s="21">
        <v>0.80100000000000005</v>
      </c>
      <c r="D6" s="21">
        <v>3.5999999999999997E-2</v>
      </c>
      <c r="E6" s="21">
        <v>0.96399999999999997</v>
      </c>
      <c r="F6" s="21">
        <v>0.16300000000000001</v>
      </c>
      <c r="G6" s="21">
        <v>0.83699999999999997</v>
      </c>
    </row>
    <row r="7" spans="1:14">
      <c r="A7" s="75" t="s">
        <v>8</v>
      </c>
      <c r="B7" s="24">
        <v>98</v>
      </c>
      <c r="C7" s="24">
        <v>404</v>
      </c>
      <c r="D7" s="24">
        <v>11</v>
      </c>
      <c r="E7" s="24">
        <v>491</v>
      </c>
      <c r="F7" s="24">
        <v>103</v>
      </c>
      <c r="G7" s="24">
        <v>399</v>
      </c>
      <c r="H7" s="22"/>
      <c r="I7" s="22"/>
      <c r="J7" s="22"/>
      <c r="K7" s="22"/>
      <c r="L7" s="22"/>
      <c r="M7" s="22"/>
      <c r="N7" s="22"/>
    </row>
    <row r="8" spans="1:14">
      <c r="A8" s="83"/>
      <c r="B8" s="21">
        <v>0.19500000000000001</v>
      </c>
      <c r="C8" s="21">
        <v>0.80500000000000005</v>
      </c>
      <c r="D8" s="21">
        <v>2.1999999999999999E-2</v>
      </c>
      <c r="E8" s="21">
        <v>0.97799999999999998</v>
      </c>
      <c r="F8" s="21">
        <v>0.20499999999999999</v>
      </c>
      <c r="G8" s="21">
        <v>0.79500000000000004</v>
      </c>
    </row>
    <row r="9" spans="1:14">
      <c r="A9" s="75" t="s">
        <v>9</v>
      </c>
      <c r="B9" s="24">
        <v>149</v>
      </c>
      <c r="C9" s="24">
        <v>692</v>
      </c>
      <c r="D9" s="24">
        <v>19</v>
      </c>
      <c r="E9" s="24">
        <v>822</v>
      </c>
      <c r="F9" s="24">
        <v>96</v>
      </c>
      <c r="G9" s="24">
        <v>745</v>
      </c>
      <c r="H9" s="22"/>
      <c r="I9" s="22"/>
      <c r="J9" s="22"/>
      <c r="K9" s="22"/>
      <c r="L9" s="22"/>
      <c r="M9" s="22"/>
      <c r="N9" s="22"/>
    </row>
    <row r="10" spans="1:14">
      <c r="A10" s="83"/>
      <c r="B10" s="21">
        <v>0.17699999999999999</v>
      </c>
      <c r="C10" s="21">
        <v>0.82299999999999995</v>
      </c>
      <c r="D10" s="21">
        <v>2.3E-2</v>
      </c>
      <c r="E10" s="21">
        <v>0.97699999999999998</v>
      </c>
      <c r="F10" s="21">
        <v>0.114</v>
      </c>
      <c r="G10" s="21">
        <v>0.88600000000000001</v>
      </c>
    </row>
    <row r="11" spans="1:14">
      <c r="A11" s="84" t="s">
        <v>10</v>
      </c>
      <c r="B11" s="24">
        <v>34</v>
      </c>
      <c r="C11" s="24">
        <v>220</v>
      </c>
      <c r="D11" s="24">
        <v>6</v>
      </c>
      <c r="E11" s="24">
        <v>248</v>
      </c>
      <c r="F11" s="24">
        <v>49</v>
      </c>
      <c r="G11" s="24">
        <v>205</v>
      </c>
      <c r="H11" s="22"/>
      <c r="I11" s="22"/>
      <c r="J11" s="22"/>
      <c r="K11" s="22"/>
      <c r="L11" s="22"/>
      <c r="M11" s="22"/>
      <c r="N11" s="22"/>
    </row>
    <row r="12" spans="1:14">
      <c r="A12" s="85"/>
      <c r="B12" s="21">
        <v>0.13400000000000001</v>
      </c>
      <c r="C12" s="21">
        <v>0.86599999999999999</v>
      </c>
      <c r="D12" s="21">
        <v>2.4E-2</v>
      </c>
      <c r="E12" s="21">
        <v>0.97599999999999998</v>
      </c>
      <c r="F12" s="21">
        <v>0.193</v>
      </c>
      <c r="G12" s="21">
        <v>0.80700000000000005</v>
      </c>
    </row>
    <row r="13" spans="1:14">
      <c r="A13" s="75" t="s">
        <v>11</v>
      </c>
      <c r="B13" s="24">
        <v>29</v>
      </c>
      <c r="C13" s="24">
        <v>193</v>
      </c>
      <c r="D13" s="24">
        <v>4</v>
      </c>
      <c r="E13" s="24">
        <v>218</v>
      </c>
      <c r="F13" s="24">
        <v>37</v>
      </c>
      <c r="G13" s="24">
        <v>185</v>
      </c>
      <c r="H13" s="22"/>
      <c r="I13" s="22"/>
      <c r="J13" s="22"/>
      <c r="K13" s="22"/>
      <c r="L13" s="22"/>
      <c r="M13" s="22"/>
      <c r="N13" s="22"/>
    </row>
    <row r="14" spans="1:14">
      <c r="A14" s="83"/>
      <c r="B14" s="21">
        <v>0.13100000000000001</v>
      </c>
      <c r="C14" s="21">
        <v>0.86899999999999999</v>
      </c>
      <c r="D14" s="21">
        <v>1.7999999999999999E-2</v>
      </c>
      <c r="E14" s="21">
        <v>0.98199999999999998</v>
      </c>
      <c r="F14" s="21">
        <v>0.16700000000000001</v>
      </c>
      <c r="G14" s="21">
        <v>0.83299999999999996</v>
      </c>
    </row>
    <row r="15" spans="1:14">
      <c r="A15" s="75" t="s">
        <v>12</v>
      </c>
      <c r="B15" s="24">
        <v>42</v>
      </c>
      <c r="C15" s="24">
        <v>170</v>
      </c>
      <c r="D15" s="24">
        <v>14</v>
      </c>
      <c r="E15" s="24">
        <v>198</v>
      </c>
      <c r="F15" s="24">
        <v>33</v>
      </c>
      <c r="G15" s="24">
        <v>179</v>
      </c>
      <c r="H15" s="22"/>
      <c r="I15" s="22"/>
      <c r="J15" s="22"/>
      <c r="K15" s="22"/>
      <c r="L15" s="22"/>
      <c r="M15" s="22"/>
      <c r="N15" s="22"/>
    </row>
    <row r="16" spans="1:14">
      <c r="A16" s="83"/>
      <c r="B16" s="21">
        <v>0.19800000000000001</v>
      </c>
      <c r="C16" s="21">
        <v>0.80200000000000005</v>
      </c>
      <c r="D16" s="21">
        <v>6.6000000000000003E-2</v>
      </c>
      <c r="E16" s="21">
        <v>0.93400000000000005</v>
      </c>
      <c r="F16" s="21">
        <v>0.156</v>
      </c>
      <c r="G16" s="21">
        <v>0.84399999999999997</v>
      </c>
    </row>
    <row r="17" spans="1:14" s="23" customFormat="1">
      <c r="A17" s="75" t="s">
        <v>13</v>
      </c>
      <c r="B17" s="20">
        <v>219</v>
      </c>
      <c r="C17" s="20">
        <v>848</v>
      </c>
      <c r="D17" s="20">
        <v>39</v>
      </c>
      <c r="E17" s="20">
        <v>1028</v>
      </c>
      <c r="F17" s="20">
        <v>126</v>
      </c>
      <c r="G17" s="20">
        <v>941</v>
      </c>
    </row>
    <row r="18" spans="1:14">
      <c r="A18" s="83"/>
      <c r="B18" s="21">
        <v>0.20499999999999999</v>
      </c>
      <c r="C18" s="21">
        <v>0.79500000000000004</v>
      </c>
      <c r="D18" s="21">
        <v>3.6999999999999998E-2</v>
      </c>
      <c r="E18" s="21">
        <v>0.96299999999999997</v>
      </c>
      <c r="F18" s="21">
        <v>0.11799999999999999</v>
      </c>
      <c r="G18" s="21">
        <v>0.88200000000000001</v>
      </c>
    </row>
    <row r="19" spans="1:14">
      <c r="A19" s="75" t="s">
        <v>14</v>
      </c>
      <c r="B19" s="24">
        <v>40</v>
      </c>
      <c r="C19" s="24">
        <v>119</v>
      </c>
      <c r="D19" s="24">
        <v>7</v>
      </c>
      <c r="E19" s="24">
        <v>152</v>
      </c>
      <c r="F19" s="24">
        <v>13</v>
      </c>
      <c r="G19" s="24">
        <v>146</v>
      </c>
      <c r="H19" s="22"/>
      <c r="I19" s="22"/>
      <c r="J19" s="22"/>
      <c r="K19" s="22"/>
      <c r="L19" s="22"/>
      <c r="M19" s="22"/>
      <c r="N19" s="22"/>
    </row>
    <row r="20" spans="1:14">
      <c r="A20" s="83"/>
      <c r="B20" s="21">
        <v>0.252</v>
      </c>
      <c r="C20" s="21">
        <v>0.748</v>
      </c>
      <c r="D20" s="21">
        <v>4.3999999999999997E-2</v>
      </c>
      <c r="E20" s="21">
        <v>0.95599999999999996</v>
      </c>
      <c r="F20" s="21">
        <v>8.2000000000000003E-2</v>
      </c>
      <c r="G20" s="21">
        <v>0.91800000000000004</v>
      </c>
    </row>
    <row r="21" spans="1:14">
      <c r="A21" s="72" t="s">
        <v>22</v>
      </c>
      <c r="B21" s="34">
        <v>10</v>
      </c>
      <c r="C21" s="34">
        <v>31</v>
      </c>
      <c r="D21" s="34">
        <v>1</v>
      </c>
      <c r="E21" s="34">
        <v>40</v>
      </c>
      <c r="F21" s="34">
        <v>4</v>
      </c>
      <c r="G21" s="34">
        <v>37</v>
      </c>
      <c r="H21" s="22"/>
      <c r="I21" s="22"/>
      <c r="J21" s="22"/>
      <c r="K21" s="22"/>
      <c r="L21" s="22"/>
      <c r="M21" s="22"/>
      <c r="N21" s="22"/>
    </row>
    <row r="22" spans="1:14" s="26" customFormat="1">
      <c r="A22" s="72"/>
      <c r="B22" s="33">
        <v>0.24399999999999999</v>
      </c>
      <c r="C22" s="33">
        <v>0.75600000000000001</v>
      </c>
      <c r="D22" s="33">
        <v>2.4E-2</v>
      </c>
      <c r="E22" s="33">
        <v>0.97599999999999998</v>
      </c>
      <c r="F22" s="33">
        <v>9.8000000000000004E-2</v>
      </c>
      <c r="G22" s="33">
        <v>0.90200000000000002</v>
      </c>
    </row>
    <row r="23" spans="1:14" s="23" customFormat="1">
      <c r="A23" s="75" t="s">
        <v>15</v>
      </c>
      <c r="B23" s="20">
        <v>1093</v>
      </c>
      <c r="C23" s="20">
        <v>4574</v>
      </c>
      <c r="D23" s="20">
        <v>187</v>
      </c>
      <c r="E23" s="20">
        <v>5480</v>
      </c>
      <c r="F23" s="20">
        <v>848</v>
      </c>
      <c r="G23" s="20">
        <v>4819</v>
      </c>
    </row>
    <row r="24" spans="1:14">
      <c r="A24" s="83"/>
      <c r="B24" s="21">
        <v>0.193</v>
      </c>
      <c r="C24" s="21">
        <v>0.80700000000000005</v>
      </c>
      <c r="D24" s="21">
        <v>3.3000000000000002E-2</v>
      </c>
      <c r="E24" s="21">
        <v>0.96699999999999997</v>
      </c>
      <c r="F24" s="21">
        <v>0.15</v>
      </c>
      <c r="G24" s="21">
        <v>0.85</v>
      </c>
    </row>
    <row r="25" spans="1:14">
      <c r="B25" s="39"/>
      <c r="C25" s="39"/>
      <c r="D25" s="39"/>
      <c r="E25" s="39"/>
      <c r="F25" s="39"/>
      <c r="G25" s="39"/>
      <c r="H25" s="22"/>
      <c r="I25" s="22"/>
      <c r="J25" s="22"/>
      <c r="L25" s="22"/>
      <c r="M25" s="22"/>
      <c r="N25" s="22"/>
    </row>
    <row r="26" spans="1:14" ht="30" customHeight="1">
      <c r="A26" s="75" t="s">
        <v>6</v>
      </c>
      <c r="B26" s="82" t="s">
        <v>166</v>
      </c>
      <c r="C26" s="82"/>
    </row>
    <row r="27" spans="1:14">
      <c r="A27" s="75"/>
      <c r="B27" s="11" t="s">
        <v>180</v>
      </c>
      <c r="C27" s="11" t="s">
        <v>181</v>
      </c>
    </row>
    <row r="28" spans="1:14">
      <c r="A28" s="75" t="s">
        <v>7</v>
      </c>
      <c r="B28" s="20">
        <v>59</v>
      </c>
      <c r="C28" s="20">
        <v>2310</v>
      </c>
    </row>
    <row r="29" spans="1:14">
      <c r="A29" s="75"/>
      <c r="B29" s="21">
        <v>2.5000000000000001E-2</v>
      </c>
      <c r="C29" s="21">
        <v>0.97499999999999998</v>
      </c>
    </row>
    <row r="30" spans="1:14">
      <c r="A30" s="75" t="s">
        <v>8</v>
      </c>
      <c r="B30" s="24">
        <v>15</v>
      </c>
      <c r="C30" s="24">
        <v>487</v>
      </c>
    </row>
    <row r="31" spans="1:14">
      <c r="A31" s="83"/>
      <c r="B31" s="21">
        <v>0.03</v>
      </c>
      <c r="C31" s="21">
        <v>0.97</v>
      </c>
    </row>
    <row r="32" spans="1:14">
      <c r="A32" s="75" t="s">
        <v>9</v>
      </c>
      <c r="B32" s="24">
        <v>10</v>
      </c>
      <c r="C32" s="24">
        <v>831</v>
      </c>
    </row>
    <row r="33" spans="1:7">
      <c r="A33" s="83"/>
      <c r="B33" s="21">
        <v>1.2E-2</v>
      </c>
      <c r="C33" s="21">
        <v>0.98799999999999999</v>
      </c>
    </row>
    <row r="34" spans="1:7">
      <c r="A34" s="84" t="s">
        <v>10</v>
      </c>
      <c r="B34" s="24">
        <v>9</v>
      </c>
      <c r="C34" s="24">
        <v>245</v>
      </c>
    </row>
    <row r="35" spans="1:7">
      <c r="A35" s="85"/>
      <c r="B35" s="21">
        <v>3.5000000000000003E-2</v>
      </c>
      <c r="C35" s="21">
        <v>0.96499999999999997</v>
      </c>
    </row>
    <row r="36" spans="1:7">
      <c r="A36" s="75" t="s">
        <v>11</v>
      </c>
      <c r="B36" s="24">
        <v>9</v>
      </c>
      <c r="C36" s="24">
        <v>213</v>
      </c>
    </row>
    <row r="37" spans="1:7">
      <c r="A37" s="83"/>
      <c r="B37" s="21">
        <v>4.1000000000000002E-2</v>
      </c>
      <c r="C37" s="21">
        <v>0.95899999999999996</v>
      </c>
    </row>
    <row r="38" spans="1:7">
      <c r="A38" s="75" t="s">
        <v>12</v>
      </c>
      <c r="B38" s="24">
        <v>6</v>
      </c>
      <c r="C38" s="24">
        <v>206</v>
      </c>
    </row>
    <row r="39" spans="1:7">
      <c r="A39" s="83"/>
      <c r="B39" s="21">
        <v>2.8000000000000001E-2</v>
      </c>
      <c r="C39" s="21">
        <v>0.97199999999999998</v>
      </c>
    </row>
    <row r="40" spans="1:7">
      <c r="A40" s="75" t="s">
        <v>13</v>
      </c>
      <c r="B40" s="20">
        <v>19</v>
      </c>
      <c r="C40" s="20">
        <v>1048</v>
      </c>
    </row>
    <row r="41" spans="1:7">
      <c r="A41" s="83"/>
      <c r="B41" s="21">
        <v>1.7999999999999999E-2</v>
      </c>
      <c r="C41" s="21">
        <v>0.98199999999999998</v>
      </c>
    </row>
    <row r="42" spans="1:7">
      <c r="A42" s="75" t="s">
        <v>14</v>
      </c>
      <c r="B42" s="24">
        <v>3</v>
      </c>
      <c r="C42" s="24">
        <v>156</v>
      </c>
    </row>
    <row r="43" spans="1:7">
      <c r="A43" s="83"/>
      <c r="B43" s="21">
        <v>1.9E-2</v>
      </c>
      <c r="C43" s="21">
        <v>0.98099999999999998</v>
      </c>
    </row>
    <row r="44" spans="1:7">
      <c r="A44" s="72" t="s">
        <v>22</v>
      </c>
      <c r="B44" s="34">
        <v>1</v>
      </c>
      <c r="C44" s="34">
        <v>40</v>
      </c>
    </row>
    <row r="45" spans="1:7">
      <c r="A45" s="72"/>
      <c r="B45" s="33">
        <v>2.4E-2</v>
      </c>
      <c r="C45" s="33">
        <v>0.97599999999999998</v>
      </c>
    </row>
    <row r="46" spans="1:7">
      <c r="A46" s="75" t="s">
        <v>15</v>
      </c>
      <c r="B46" s="20">
        <v>131</v>
      </c>
      <c r="C46" s="20">
        <v>5536</v>
      </c>
    </row>
    <row r="47" spans="1:7">
      <c r="A47" s="83"/>
      <c r="B47" s="21">
        <v>2.3E-2</v>
      </c>
      <c r="C47" s="21">
        <v>0.97699999999999998</v>
      </c>
    </row>
    <row r="48" spans="1:7" ht="14.1" customHeight="1">
      <c r="A48" s="71" t="s">
        <v>301</v>
      </c>
      <c r="B48" s="71"/>
      <c r="C48" s="71"/>
      <c r="D48" s="35"/>
      <c r="E48" s="35"/>
      <c r="F48" s="35"/>
      <c r="G48" s="35"/>
    </row>
    <row r="49" spans="1:7">
      <c r="A49" s="81"/>
      <c r="B49" s="81"/>
      <c r="C49" s="81"/>
      <c r="D49" s="35"/>
      <c r="E49" s="35"/>
      <c r="F49" s="35"/>
      <c r="G49" s="35"/>
    </row>
    <row r="50" spans="1:7">
      <c r="A50" s="81"/>
      <c r="B50" s="81"/>
      <c r="C50" s="81"/>
      <c r="D50" s="35"/>
      <c r="E50" s="35"/>
      <c r="F50" s="35"/>
      <c r="G50" s="35"/>
    </row>
    <row r="51" spans="1:7">
      <c r="A51" s="81"/>
      <c r="B51" s="81"/>
      <c r="C51" s="81"/>
      <c r="D51" s="35"/>
      <c r="E51" s="35"/>
      <c r="F51" s="35"/>
      <c r="G51" s="35"/>
    </row>
  </sheetData>
  <mergeCells count="27">
    <mergeCell ref="A48:C51"/>
    <mergeCell ref="A28:A29"/>
    <mergeCell ref="A30:A31"/>
    <mergeCell ref="A32:A33"/>
    <mergeCell ref="A34:A35"/>
    <mergeCell ref="A46:A47"/>
    <mergeCell ref="A36:A37"/>
    <mergeCell ref="A38:A39"/>
    <mergeCell ref="A40:A41"/>
    <mergeCell ref="A42:A43"/>
    <mergeCell ref="A44:A45"/>
    <mergeCell ref="B26:C26"/>
    <mergeCell ref="A5:A6"/>
    <mergeCell ref="A7:A8"/>
    <mergeCell ref="A9:A10"/>
    <mergeCell ref="A19:A20"/>
    <mergeCell ref="A21:A22"/>
    <mergeCell ref="A23:A24"/>
    <mergeCell ref="A26:A27"/>
    <mergeCell ref="D3:E3"/>
    <mergeCell ref="F3:G3"/>
    <mergeCell ref="A13:A14"/>
    <mergeCell ref="A15:A16"/>
    <mergeCell ref="A17:A18"/>
    <mergeCell ref="A11:A12"/>
    <mergeCell ref="A3:A4"/>
    <mergeCell ref="B3:C3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3"/>
  <dimension ref="A1:S18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4" width="9" style="18" customWidth="1"/>
    <col min="5" max="5" width="13.875" style="18" bestFit="1" customWidth="1"/>
    <col min="6" max="7" width="9" style="18" customWidth="1"/>
    <col min="8" max="16384" width="9" style="18"/>
  </cols>
  <sheetData>
    <row r="1" spans="1:19">
      <c r="A1" s="70" t="s">
        <v>442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148</v>
      </c>
      <c r="B3" s="76" t="s">
        <v>120</v>
      </c>
      <c r="C3" s="76"/>
      <c r="D3" s="76"/>
      <c r="E3" s="76"/>
      <c r="F3" s="76"/>
      <c r="G3" s="76"/>
    </row>
    <row r="4" spans="1:19" ht="42.75">
      <c r="A4" s="84"/>
      <c r="B4" s="11" t="s">
        <v>69</v>
      </c>
      <c r="C4" s="11" t="s">
        <v>215</v>
      </c>
      <c r="D4" s="11" t="s">
        <v>54</v>
      </c>
      <c r="E4" s="11" t="s">
        <v>190</v>
      </c>
      <c r="F4" s="11" t="s">
        <v>22</v>
      </c>
      <c r="G4" s="11" t="s">
        <v>15</v>
      </c>
    </row>
    <row r="5" spans="1:19">
      <c r="A5" s="73" t="s">
        <v>33</v>
      </c>
      <c r="B5" s="20">
        <v>2367</v>
      </c>
      <c r="C5" s="20">
        <v>517</v>
      </c>
      <c r="D5" s="20">
        <v>352</v>
      </c>
      <c r="E5" s="20">
        <v>2648</v>
      </c>
      <c r="F5" s="20">
        <v>12</v>
      </c>
      <c r="G5" s="20">
        <v>5896</v>
      </c>
    </row>
    <row r="6" spans="1:19">
      <c r="A6" s="77"/>
      <c r="B6" s="21">
        <v>0.40100000000000002</v>
      </c>
      <c r="C6" s="21">
        <v>8.7999999999999995E-2</v>
      </c>
      <c r="D6" s="21">
        <v>0.06</v>
      </c>
      <c r="E6" s="21">
        <v>0.44900000000000001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229</v>
      </c>
      <c r="B7" s="24">
        <v>32</v>
      </c>
      <c r="C7" s="24">
        <v>37</v>
      </c>
      <c r="D7" s="24">
        <v>11</v>
      </c>
      <c r="E7" s="24">
        <v>58</v>
      </c>
      <c r="F7" s="24">
        <v>0</v>
      </c>
      <c r="G7" s="20">
        <v>138</v>
      </c>
      <c r="L7" s="22"/>
      <c r="M7" s="22"/>
      <c r="N7" s="22"/>
      <c r="O7" s="22"/>
      <c r="P7" s="22"/>
    </row>
    <row r="8" spans="1:19">
      <c r="A8" s="79"/>
      <c r="B8" s="21">
        <v>0.23200000000000001</v>
      </c>
      <c r="C8" s="21">
        <v>0.26800000000000002</v>
      </c>
      <c r="D8" s="21">
        <v>0.08</v>
      </c>
      <c r="E8" s="21">
        <v>0.42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36</v>
      </c>
      <c r="B9" s="24">
        <v>1</v>
      </c>
      <c r="C9" s="24">
        <v>8</v>
      </c>
      <c r="D9" s="24">
        <v>3</v>
      </c>
      <c r="E9" s="24">
        <v>13</v>
      </c>
      <c r="F9" s="24">
        <v>0</v>
      </c>
      <c r="G9" s="24">
        <v>25</v>
      </c>
    </row>
    <row r="10" spans="1:19">
      <c r="A10" s="99"/>
      <c r="B10" s="21">
        <v>0.04</v>
      </c>
      <c r="C10" s="21">
        <v>0.32</v>
      </c>
      <c r="D10" s="21">
        <v>0.12</v>
      </c>
      <c r="E10" s="21">
        <v>0.52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102" t="s">
        <v>35</v>
      </c>
      <c r="B11" s="24">
        <v>0</v>
      </c>
      <c r="C11" s="24">
        <v>0</v>
      </c>
      <c r="D11" s="24">
        <v>2</v>
      </c>
      <c r="E11" s="24">
        <v>2</v>
      </c>
      <c r="F11" s="24">
        <v>0</v>
      </c>
      <c r="G11" s="24">
        <v>4</v>
      </c>
    </row>
    <row r="12" spans="1:19">
      <c r="A12" s="99"/>
      <c r="B12" s="21">
        <v>0</v>
      </c>
      <c r="C12" s="21">
        <v>0</v>
      </c>
      <c r="D12" s="21">
        <v>0.5</v>
      </c>
      <c r="E12" s="21">
        <v>0.5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95" t="s">
        <v>22</v>
      </c>
      <c r="B13" s="24">
        <v>4</v>
      </c>
      <c r="C13" s="24">
        <v>0</v>
      </c>
      <c r="D13" s="24">
        <v>0</v>
      </c>
      <c r="E13" s="24">
        <v>3</v>
      </c>
      <c r="F13" s="24">
        <v>0</v>
      </c>
      <c r="G13" s="24">
        <v>7</v>
      </c>
    </row>
    <row r="14" spans="1:19">
      <c r="A14" s="99"/>
      <c r="B14" s="21">
        <v>0.57099999999999995</v>
      </c>
      <c r="C14" s="21">
        <v>0</v>
      </c>
      <c r="D14" s="21">
        <v>0</v>
      </c>
      <c r="E14" s="21">
        <v>0.42899999999999999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s="23" customFormat="1">
      <c r="A15" s="73" t="s">
        <v>15</v>
      </c>
      <c r="B15" s="20">
        <v>2404</v>
      </c>
      <c r="C15" s="20">
        <v>562</v>
      </c>
      <c r="D15" s="20">
        <v>368</v>
      </c>
      <c r="E15" s="20">
        <v>2724</v>
      </c>
      <c r="F15" s="20">
        <v>12</v>
      </c>
      <c r="G15" s="20">
        <v>6070</v>
      </c>
    </row>
    <row r="16" spans="1:19">
      <c r="A16" s="74"/>
      <c r="B16" s="21">
        <v>0.39600000000000002</v>
      </c>
      <c r="C16" s="21">
        <v>9.2999999999999999E-2</v>
      </c>
      <c r="D16" s="21">
        <v>6.0999999999999999E-2</v>
      </c>
      <c r="E16" s="21">
        <v>0.44900000000000001</v>
      </c>
      <c r="F16" s="21">
        <v>2E-3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7" ht="14.25" customHeight="1">
      <c r="A17" s="71" t="s">
        <v>71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7">
      <c r="A18" s="81"/>
      <c r="B18" s="81"/>
      <c r="C18" s="81"/>
      <c r="D18" s="81"/>
      <c r="E18" s="81"/>
      <c r="F18" s="81"/>
      <c r="G18" s="81"/>
      <c r="L18" s="22"/>
      <c r="M18" s="22"/>
      <c r="N18" s="22"/>
      <c r="O18" s="22"/>
      <c r="P18" s="22"/>
      <c r="Q18" s="22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4"/>
  <dimension ref="A1:R18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4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148</v>
      </c>
      <c r="B3" s="76" t="s">
        <v>121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>
      <c r="A5" s="73" t="s">
        <v>33</v>
      </c>
      <c r="B5" s="20">
        <v>1621</v>
      </c>
      <c r="C5" s="20">
        <v>2068</v>
      </c>
      <c r="D5" s="20">
        <v>2199</v>
      </c>
      <c r="E5" s="20">
        <v>8</v>
      </c>
      <c r="F5" s="20">
        <v>5896</v>
      </c>
    </row>
    <row r="6" spans="1:18">
      <c r="A6" s="77"/>
      <c r="B6" s="21">
        <v>0.27500000000000002</v>
      </c>
      <c r="C6" s="21">
        <v>0.35099999999999998</v>
      </c>
      <c r="D6" s="21">
        <v>0.373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229</v>
      </c>
      <c r="B7" s="24">
        <v>30</v>
      </c>
      <c r="C7" s="24">
        <v>61</v>
      </c>
      <c r="D7" s="24">
        <v>46</v>
      </c>
      <c r="E7" s="24">
        <v>1</v>
      </c>
      <c r="F7" s="20">
        <v>138</v>
      </c>
      <c r="K7" s="22"/>
      <c r="L7" s="22"/>
      <c r="M7" s="22"/>
      <c r="N7" s="22"/>
      <c r="O7" s="22"/>
    </row>
    <row r="8" spans="1:18">
      <c r="A8" s="79"/>
      <c r="B8" s="21">
        <v>0.217</v>
      </c>
      <c r="C8" s="21">
        <v>0.442</v>
      </c>
      <c r="D8" s="21">
        <v>0.33300000000000002</v>
      </c>
      <c r="E8" s="21">
        <v>7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36</v>
      </c>
      <c r="B9" s="24">
        <v>9</v>
      </c>
      <c r="C9" s="24">
        <v>4</v>
      </c>
      <c r="D9" s="24">
        <v>12</v>
      </c>
      <c r="E9" s="24">
        <v>0</v>
      </c>
      <c r="F9" s="24">
        <v>25</v>
      </c>
    </row>
    <row r="10" spans="1:18">
      <c r="A10" s="99"/>
      <c r="B10" s="21">
        <v>0.36</v>
      </c>
      <c r="C10" s="21">
        <v>0.16</v>
      </c>
      <c r="D10" s="21">
        <v>0.48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102" t="s">
        <v>35</v>
      </c>
      <c r="B11" s="24">
        <v>1</v>
      </c>
      <c r="C11" s="24">
        <v>2</v>
      </c>
      <c r="D11" s="24">
        <v>1</v>
      </c>
      <c r="E11" s="24">
        <v>0</v>
      </c>
      <c r="F11" s="24">
        <v>4</v>
      </c>
    </row>
    <row r="12" spans="1:18">
      <c r="A12" s="99"/>
      <c r="B12" s="21">
        <v>0.25</v>
      </c>
      <c r="C12" s="21">
        <v>0.5</v>
      </c>
      <c r="D12" s="21">
        <v>0.25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95" t="s">
        <v>22</v>
      </c>
      <c r="B13" s="24">
        <v>4</v>
      </c>
      <c r="C13" s="24">
        <v>1</v>
      </c>
      <c r="D13" s="24">
        <v>2</v>
      </c>
      <c r="E13" s="24">
        <v>0</v>
      </c>
      <c r="F13" s="24">
        <v>7</v>
      </c>
    </row>
    <row r="14" spans="1:18">
      <c r="A14" s="99"/>
      <c r="B14" s="21">
        <v>0.57099999999999995</v>
      </c>
      <c r="C14" s="21">
        <v>0.14299999999999999</v>
      </c>
      <c r="D14" s="21">
        <v>0.28599999999999998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1665</v>
      </c>
      <c r="C15" s="20">
        <v>2136</v>
      </c>
      <c r="D15" s="20">
        <v>2260</v>
      </c>
      <c r="E15" s="20">
        <v>9</v>
      </c>
      <c r="F15" s="20">
        <v>6070</v>
      </c>
    </row>
    <row r="16" spans="1:18">
      <c r="A16" s="74"/>
      <c r="B16" s="21">
        <v>0.27400000000000002</v>
      </c>
      <c r="C16" s="21">
        <v>0.35199999999999998</v>
      </c>
      <c r="D16" s="21">
        <v>0.372</v>
      </c>
      <c r="E16" s="21">
        <v>1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 ht="14.25" customHeight="1">
      <c r="A17" s="71" t="s">
        <v>75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6">
      <c r="A18" s="81"/>
      <c r="B18" s="81"/>
      <c r="C18" s="81"/>
      <c r="D18" s="81"/>
      <c r="E18" s="81"/>
      <c r="F18" s="81"/>
      <c r="K18" s="22"/>
      <c r="L18" s="22"/>
      <c r="M18" s="22"/>
      <c r="N18" s="22"/>
      <c r="O18" s="22"/>
      <c r="P18" s="2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5"/>
  <dimension ref="A1:R18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8.875" style="18" customWidth="1"/>
    <col min="4" max="4" width="11.625" style="18" bestFit="1" customWidth="1"/>
    <col min="5" max="6" width="8.875" style="18" customWidth="1"/>
    <col min="7" max="16384" width="9" style="18"/>
  </cols>
  <sheetData>
    <row r="1" spans="1:18">
      <c r="A1" s="70" t="s">
        <v>443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148</v>
      </c>
      <c r="B3" s="76" t="s">
        <v>122</v>
      </c>
      <c r="C3" s="76"/>
      <c r="D3" s="76"/>
      <c r="E3" s="76"/>
      <c r="F3" s="76"/>
    </row>
    <row r="4" spans="1:18">
      <c r="A4" s="84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8">
      <c r="A5" s="73" t="s">
        <v>33</v>
      </c>
      <c r="B5" s="20">
        <v>3189</v>
      </c>
      <c r="C5" s="20">
        <v>452</v>
      </c>
      <c r="D5" s="20">
        <v>2235</v>
      </c>
      <c r="E5" s="20">
        <v>20</v>
      </c>
      <c r="F5" s="20">
        <v>5896</v>
      </c>
    </row>
    <row r="6" spans="1:18">
      <c r="A6" s="77"/>
      <c r="B6" s="21">
        <v>0.54100000000000004</v>
      </c>
      <c r="C6" s="21">
        <v>7.6999999999999999E-2</v>
      </c>
      <c r="D6" s="21">
        <v>0.379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229</v>
      </c>
      <c r="B7" s="24">
        <v>58</v>
      </c>
      <c r="C7" s="24">
        <v>18</v>
      </c>
      <c r="D7" s="24">
        <v>62</v>
      </c>
      <c r="E7" s="24">
        <v>0</v>
      </c>
      <c r="F7" s="20">
        <v>138</v>
      </c>
      <c r="K7" s="22"/>
      <c r="L7" s="22"/>
      <c r="M7" s="22"/>
      <c r="N7" s="22"/>
      <c r="O7" s="22"/>
    </row>
    <row r="8" spans="1:18">
      <c r="A8" s="79"/>
      <c r="B8" s="21">
        <v>0.42</v>
      </c>
      <c r="C8" s="21">
        <v>0.13</v>
      </c>
      <c r="D8" s="21">
        <v>0.44900000000000001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36</v>
      </c>
      <c r="B9" s="24">
        <v>10</v>
      </c>
      <c r="C9" s="24">
        <v>0</v>
      </c>
      <c r="D9" s="24">
        <v>15</v>
      </c>
      <c r="E9" s="24">
        <v>0</v>
      </c>
      <c r="F9" s="24">
        <v>25</v>
      </c>
    </row>
    <row r="10" spans="1:18">
      <c r="A10" s="99"/>
      <c r="B10" s="21">
        <v>0.4</v>
      </c>
      <c r="C10" s="21">
        <v>0</v>
      </c>
      <c r="D10" s="21">
        <v>0.6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102" t="s">
        <v>35</v>
      </c>
      <c r="B11" s="24">
        <v>3</v>
      </c>
      <c r="C11" s="24">
        <v>1</v>
      </c>
      <c r="D11" s="24">
        <v>0</v>
      </c>
      <c r="E11" s="24">
        <v>0</v>
      </c>
      <c r="F11" s="24">
        <v>4</v>
      </c>
    </row>
    <row r="12" spans="1:18">
      <c r="A12" s="99"/>
      <c r="B12" s="21">
        <v>0.75</v>
      </c>
      <c r="C12" s="21">
        <v>0.25</v>
      </c>
      <c r="D12" s="21">
        <v>0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95" t="s">
        <v>22</v>
      </c>
      <c r="B13" s="24">
        <v>3</v>
      </c>
      <c r="C13" s="24">
        <v>1</v>
      </c>
      <c r="D13" s="24">
        <v>3</v>
      </c>
      <c r="E13" s="24">
        <v>0</v>
      </c>
      <c r="F13" s="24">
        <v>7</v>
      </c>
    </row>
    <row r="14" spans="1:18">
      <c r="A14" s="99"/>
      <c r="B14" s="21">
        <v>0.42899999999999999</v>
      </c>
      <c r="C14" s="21">
        <v>0.14299999999999999</v>
      </c>
      <c r="D14" s="21">
        <v>0.42899999999999999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3263</v>
      </c>
      <c r="C15" s="20">
        <v>472</v>
      </c>
      <c r="D15" s="20">
        <v>2315</v>
      </c>
      <c r="E15" s="20">
        <v>20</v>
      </c>
      <c r="F15" s="20">
        <v>6070</v>
      </c>
    </row>
    <row r="16" spans="1:18">
      <c r="A16" s="74"/>
      <c r="B16" s="21">
        <v>0.53800000000000003</v>
      </c>
      <c r="C16" s="21">
        <v>7.8E-2</v>
      </c>
      <c r="D16" s="21">
        <v>0.38100000000000001</v>
      </c>
      <c r="E16" s="21">
        <v>3.0000000000000001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 ht="14.25" customHeight="1">
      <c r="A17" s="80" t="s">
        <v>239</v>
      </c>
      <c r="B17" s="80"/>
      <c r="C17" s="80"/>
      <c r="D17" s="80"/>
      <c r="E17" s="80"/>
      <c r="F17" s="80"/>
      <c r="K17" s="22"/>
      <c r="L17" s="22"/>
      <c r="M17" s="22"/>
      <c r="N17" s="22"/>
      <c r="O17" s="22"/>
    </row>
    <row r="18" spans="1:16">
      <c r="A18" s="86"/>
      <c r="B18" s="86"/>
      <c r="C18" s="86"/>
      <c r="D18" s="86"/>
      <c r="E18" s="86"/>
      <c r="F18" s="86"/>
      <c r="K18" s="22"/>
      <c r="L18" s="22"/>
      <c r="M18" s="22"/>
      <c r="N18" s="22"/>
      <c r="O18" s="22"/>
      <c r="P18" s="2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6"/>
  <dimension ref="A1:Q18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5" width="8.875" style="18" customWidth="1"/>
    <col min="6" max="16384" width="9" style="18"/>
  </cols>
  <sheetData>
    <row r="1" spans="1:17">
      <c r="A1" s="70" t="s">
        <v>44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148</v>
      </c>
      <c r="B3" s="76" t="s">
        <v>123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33</v>
      </c>
      <c r="B5" s="20">
        <v>5514</v>
      </c>
      <c r="C5" s="20">
        <v>366</v>
      </c>
      <c r="D5" s="20">
        <v>16</v>
      </c>
      <c r="E5" s="20">
        <v>5896</v>
      </c>
    </row>
    <row r="6" spans="1:17">
      <c r="A6" s="77"/>
      <c r="B6" s="21">
        <v>0.93500000000000005</v>
      </c>
      <c r="C6" s="21">
        <v>6.2E-2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3" t="s">
        <v>229</v>
      </c>
      <c r="B7" s="24">
        <v>120</v>
      </c>
      <c r="C7" s="24">
        <v>17</v>
      </c>
      <c r="D7" s="24">
        <v>1</v>
      </c>
      <c r="E7" s="20">
        <v>138</v>
      </c>
      <c r="J7" s="22"/>
      <c r="K7" s="22"/>
      <c r="L7" s="22"/>
      <c r="M7" s="22"/>
      <c r="N7" s="22"/>
    </row>
    <row r="8" spans="1:17">
      <c r="A8" s="74"/>
      <c r="B8" s="21">
        <v>0.87</v>
      </c>
      <c r="C8" s="21">
        <v>0.123</v>
      </c>
      <c r="D8" s="21">
        <v>7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87" t="s">
        <v>36</v>
      </c>
      <c r="B9" s="27">
        <v>24</v>
      </c>
      <c r="C9" s="27">
        <v>1</v>
      </c>
      <c r="D9" s="27">
        <v>0</v>
      </c>
      <c r="E9" s="27">
        <v>25</v>
      </c>
    </row>
    <row r="10" spans="1:17">
      <c r="A10" s="88"/>
      <c r="B10" s="21">
        <v>0.96</v>
      </c>
      <c r="C10" s="21">
        <v>0.04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103" t="s">
        <v>35</v>
      </c>
      <c r="B11" s="27">
        <v>3</v>
      </c>
      <c r="C11" s="27">
        <v>1</v>
      </c>
      <c r="D11" s="27">
        <v>0</v>
      </c>
      <c r="E11" s="27">
        <v>4</v>
      </c>
    </row>
    <row r="12" spans="1:17">
      <c r="A12" s="88"/>
      <c r="B12" s="21">
        <v>0.75</v>
      </c>
      <c r="C12" s="21">
        <v>0.25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87" t="s">
        <v>22</v>
      </c>
      <c r="B13" s="27">
        <v>6</v>
      </c>
      <c r="C13" s="27">
        <v>1</v>
      </c>
      <c r="D13" s="27">
        <v>0</v>
      </c>
      <c r="E13" s="27">
        <v>7</v>
      </c>
    </row>
    <row r="14" spans="1:17">
      <c r="A14" s="88"/>
      <c r="B14" s="21">
        <v>0.85699999999999998</v>
      </c>
      <c r="C14" s="21">
        <v>0.14299999999999999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5667</v>
      </c>
      <c r="C15" s="20">
        <v>386</v>
      </c>
      <c r="D15" s="20">
        <v>17</v>
      </c>
      <c r="E15" s="20">
        <v>6070</v>
      </c>
    </row>
    <row r="16" spans="1:17">
      <c r="A16" s="74"/>
      <c r="B16" s="21">
        <v>0.93400000000000005</v>
      </c>
      <c r="C16" s="21">
        <v>6.4000000000000001E-2</v>
      </c>
      <c r="D16" s="21">
        <v>3.0000000000000001E-3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5" ht="14.25" customHeight="1">
      <c r="A17" s="80" t="s">
        <v>192</v>
      </c>
      <c r="B17" s="80"/>
      <c r="C17" s="80"/>
      <c r="D17" s="80"/>
      <c r="E17" s="80"/>
      <c r="J17" s="22"/>
      <c r="K17" s="22"/>
      <c r="L17" s="22"/>
      <c r="M17" s="22"/>
      <c r="N17" s="22"/>
    </row>
    <row r="18" spans="1:15">
      <c r="A18" s="86"/>
      <c r="B18" s="86"/>
      <c r="C18" s="86"/>
      <c r="D18" s="86"/>
      <c r="E18" s="86"/>
      <c r="J18" s="22"/>
      <c r="K18" s="22"/>
      <c r="L18" s="22"/>
      <c r="M18" s="22"/>
      <c r="N18" s="22"/>
      <c r="O18" s="22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7"/>
  <dimension ref="A1:M33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7" width="9.625" style="18" customWidth="1"/>
    <col min="8" max="16384" width="9" style="18"/>
  </cols>
  <sheetData>
    <row r="1" spans="1:13">
      <c r="A1" s="18" t="s">
        <v>445</v>
      </c>
    </row>
    <row r="2" spans="1:13">
      <c r="A2" s="121" t="s">
        <v>613</v>
      </c>
      <c r="B2" s="36"/>
      <c r="C2" s="36"/>
    </row>
    <row r="3" spans="1:13" ht="59.25" customHeight="1">
      <c r="A3" s="75" t="s">
        <v>37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3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3">
      <c r="A5" s="75" t="s">
        <v>33</v>
      </c>
      <c r="B5" s="20">
        <v>1480</v>
      </c>
      <c r="C5" s="20">
        <v>4034</v>
      </c>
      <c r="D5" s="20">
        <v>3083</v>
      </c>
      <c r="E5" s="20">
        <v>2431</v>
      </c>
      <c r="F5" s="20">
        <v>686</v>
      </c>
      <c r="G5" s="20">
        <v>4828</v>
      </c>
    </row>
    <row r="6" spans="1:13">
      <c r="A6" s="75"/>
      <c r="B6" s="21">
        <v>0.26800000000000002</v>
      </c>
      <c r="C6" s="21">
        <v>0.73199999999999998</v>
      </c>
      <c r="D6" s="21">
        <v>0.55900000000000005</v>
      </c>
      <c r="E6" s="21">
        <v>0.441</v>
      </c>
      <c r="F6" s="21">
        <v>0.124</v>
      </c>
      <c r="G6" s="21">
        <v>0.876</v>
      </c>
    </row>
    <row r="7" spans="1:13" s="23" customFormat="1">
      <c r="A7" s="84" t="s">
        <v>186</v>
      </c>
      <c r="B7" s="20">
        <v>36</v>
      </c>
      <c r="C7" s="20">
        <v>84</v>
      </c>
      <c r="D7" s="20">
        <v>54</v>
      </c>
      <c r="E7" s="20">
        <v>66</v>
      </c>
      <c r="F7" s="20">
        <v>17</v>
      </c>
      <c r="G7" s="20">
        <v>103</v>
      </c>
    </row>
    <row r="8" spans="1:13">
      <c r="A8" s="83"/>
      <c r="B8" s="21">
        <v>0.3</v>
      </c>
      <c r="C8" s="21">
        <v>0.7</v>
      </c>
      <c r="D8" s="21">
        <v>0.45</v>
      </c>
      <c r="E8" s="21">
        <v>0.55000000000000004</v>
      </c>
      <c r="F8" s="21">
        <v>0.14199999999999999</v>
      </c>
      <c r="G8" s="21">
        <v>0.85799999999999998</v>
      </c>
    </row>
    <row r="9" spans="1:13" s="23" customFormat="1">
      <c r="A9" s="95" t="s">
        <v>36</v>
      </c>
      <c r="B9" s="20">
        <v>9</v>
      </c>
      <c r="C9" s="20">
        <v>15</v>
      </c>
      <c r="D9" s="20">
        <v>6</v>
      </c>
      <c r="E9" s="20">
        <v>18</v>
      </c>
      <c r="F9" s="20">
        <v>2</v>
      </c>
      <c r="G9" s="20">
        <v>22</v>
      </c>
    </row>
    <row r="10" spans="1:13">
      <c r="A10" s="88"/>
      <c r="B10" s="21">
        <v>0.375</v>
      </c>
      <c r="C10" s="21">
        <v>0.625</v>
      </c>
      <c r="D10" s="21">
        <v>0.25</v>
      </c>
      <c r="E10" s="21">
        <v>0.75</v>
      </c>
      <c r="F10" s="21">
        <v>8.3000000000000004E-2</v>
      </c>
      <c r="G10" s="21">
        <v>0.91700000000000004</v>
      </c>
    </row>
    <row r="11" spans="1:13">
      <c r="A11" s="87" t="s">
        <v>35</v>
      </c>
      <c r="B11" s="20">
        <v>2</v>
      </c>
      <c r="C11" s="20">
        <v>1</v>
      </c>
      <c r="D11" s="20">
        <v>1</v>
      </c>
      <c r="E11" s="20">
        <v>2</v>
      </c>
      <c r="F11" s="20">
        <v>0</v>
      </c>
      <c r="G11" s="20">
        <v>3</v>
      </c>
      <c r="K11" s="22"/>
      <c r="L11" s="22"/>
      <c r="M11" s="22"/>
    </row>
    <row r="12" spans="1:13">
      <c r="A12" s="88"/>
      <c r="B12" s="21">
        <v>0.66700000000000004</v>
      </c>
      <c r="C12" s="21">
        <v>0.33300000000000002</v>
      </c>
      <c r="D12" s="21">
        <v>0.33300000000000002</v>
      </c>
      <c r="E12" s="21">
        <v>0.66700000000000004</v>
      </c>
      <c r="F12" s="21">
        <v>0</v>
      </c>
      <c r="G12" s="21">
        <v>1</v>
      </c>
    </row>
    <row r="13" spans="1:13">
      <c r="A13" s="75" t="s">
        <v>22</v>
      </c>
      <c r="B13" s="24">
        <v>1</v>
      </c>
      <c r="C13" s="24">
        <v>5</v>
      </c>
      <c r="D13" s="24">
        <v>4</v>
      </c>
      <c r="E13" s="24">
        <v>2</v>
      </c>
      <c r="F13" s="24">
        <v>1</v>
      </c>
      <c r="G13" s="24">
        <v>5</v>
      </c>
      <c r="H13" s="22"/>
      <c r="I13" s="22"/>
      <c r="J13" s="22"/>
      <c r="K13" s="22"/>
      <c r="L13" s="22"/>
      <c r="M13" s="22"/>
    </row>
    <row r="14" spans="1:13">
      <c r="A14" s="83"/>
      <c r="B14" s="21">
        <v>0.16700000000000001</v>
      </c>
      <c r="C14" s="21">
        <v>0.83299999999999996</v>
      </c>
      <c r="D14" s="21">
        <v>0.66700000000000004</v>
      </c>
      <c r="E14" s="21">
        <v>0.33300000000000002</v>
      </c>
      <c r="F14" s="21">
        <v>0.16700000000000001</v>
      </c>
      <c r="G14" s="21">
        <v>0.83299999999999996</v>
      </c>
    </row>
    <row r="15" spans="1:13" s="23" customFormat="1">
      <c r="A15" s="75" t="s">
        <v>15</v>
      </c>
      <c r="B15" s="20">
        <v>1528</v>
      </c>
      <c r="C15" s="20">
        <v>4139</v>
      </c>
      <c r="D15" s="20">
        <v>3148</v>
      </c>
      <c r="E15" s="20">
        <v>2519</v>
      </c>
      <c r="F15" s="20">
        <v>706</v>
      </c>
      <c r="G15" s="20">
        <v>4961</v>
      </c>
    </row>
    <row r="16" spans="1:13">
      <c r="A16" s="83"/>
      <c r="B16" s="21">
        <v>0.27</v>
      </c>
      <c r="C16" s="21">
        <v>0.73</v>
      </c>
      <c r="D16" s="21">
        <v>0.55500000000000005</v>
      </c>
      <c r="E16" s="21">
        <v>0.44500000000000001</v>
      </c>
      <c r="F16" s="21">
        <v>0.125</v>
      </c>
      <c r="G16" s="21">
        <v>0.875</v>
      </c>
    </row>
    <row r="17" spans="1:13">
      <c r="A17" s="50"/>
      <c r="B17" s="51"/>
      <c r="C17" s="51"/>
      <c r="D17" s="51"/>
      <c r="E17" s="51"/>
      <c r="F17" s="51"/>
      <c r="G17" s="51"/>
    </row>
    <row r="18" spans="1:13" ht="30" customHeight="1">
      <c r="A18" s="75" t="s">
        <v>37</v>
      </c>
      <c r="B18" s="82" t="s">
        <v>160</v>
      </c>
      <c r="C18" s="82"/>
      <c r="D18" s="82" t="s">
        <v>161</v>
      </c>
      <c r="E18" s="82"/>
      <c r="F18" s="82" t="s">
        <v>162</v>
      </c>
      <c r="G18" s="82"/>
    </row>
    <row r="19" spans="1:13">
      <c r="A19" s="75"/>
      <c r="B19" s="11" t="s">
        <v>180</v>
      </c>
      <c r="C19" s="11" t="s">
        <v>181</v>
      </c>
      <c r="D19" s="11" t="s">
        <v>180</v>
      </c>
      <c r="E19" s="11" t="s">
        <v>181</v>
      </c>
      <c r="F19" s="11" t="s">
        <v>180</v>
      </c>
      <c r="G19" s="11" t="s">
        <v>181</v>
      </c>
    </row>
    <row r="20" spans="1:13">
      <c r="A20" s="75" t="s">
        <v>33</v>
      </c>
      <c r="B20" s="20">
        <v>1226</v>
      </c>
      <c r="C20" s="20">
        <v>4288</v>
      </c>
      <c r="D20" s="20">
        <v>80</v>
      </c>
      <c r="E20" s="20">
        <v>5434</v>
      </c>
      <c r="F20" s="20">
        <v>296</v>
      </c>
      <c r="G20" s="20">
        <v>5218</v>
      </c>
    </row>
    <row r="21" spans="1:13">
      <c r="A21" s="75"/>
      <c r="B21" s="21">
        <v>0.222</v>
      </c>
      <c r="C21" s="21">
        <v>0.77800000000000002</v>
      </c>
      <c r="D21" s="21">
        <v>1.4999999999999999E-2</v>
      </c>
      <c r="E21" s="21">
        <v>0.98499999999999999</v>
      </c>
      <c r="F21" s="21">
        <v>5.3999999999999999E-2</v>
      </c>
      <c r="G21" s="21">
        <v>0.94599999999999995</v>
      </c>
    </row>
    <row r="22" spans="1:13">
      <c r="A22" s="84" t="s">
        <v>186</v>
      </c>
      <c r="B22" s="20">
        <v>19</v>
      </c>
      <c r="C22" s="20">
        <v>101</v>
      </c>
      <c r="D22" s="20">
        <v>1</v>
      </c>
      <c r="E22" s="20">
        <v>119</v>
      </c>
      <c r="F22" s="20">
        <v>4</v>
      </c>
      <c r="G22" s="20">
        <v>116</v>
      </c>
    </row>
    <row r="23" spans="1:13">
      <c r="A23" s="83"/>
      <c r="B23" s="21">
        <v>0.158</v>
      </c>
      <c r="C23" s="21">
        <v>0.84199999999999997</v>
      </c>
      <c r="D23" s="21">
        <v>8.0000000000000002E-3</v>
      </c>
      <c r="E23" s="21">
        <v>0.99199999999999999</v>
      </c>
      <c r="F23" s="21">
        <v>3.3000000000000002E-2</v>
      </c>
      <c r="G23" s="21">
        <v>0.96699999999999997</v>
      </c>
    </row>
    <row r="24" spans="1:13">
      <c r="A24" s="95" t="s">
        <v>36</v>
      </c>
      <c r="B24" s="20">
        <v>2</v>
      </c>
      <c r="C24" s="20">
        <v>22</v>
      </c>
      <c r="D24" s="20">
        <v>0</v>
      </c>
      <c r="E24" s="20">
        <v>24</v>
      </c>
      <c r="F24" s="20">
        <v>1</v>
      </c>
      <c r="G24" s="20">
        <v>23</v>
      </c>
    </row>
    <row r="25" spans="1:13">
      <c r="A25" s="88"/>
      <c r="B25" s="21">
        <v>8.3000000000000004E-2</v>
      </c>
      <c r="C25" s="21">
        <v>0.91700000000000004</v>
      </c>
      <c r="D25" s="21">
        <v>0</v>
      </c>
      <c r="E25" s="21">
        <v>1</v>
      </c>
      <c r="F25" s="21">
        <v>4.2000000000000003E-2</v>
      </c>
      <c r="G25" s="21">
        <v>0.95799999999999996</v>
      </c>
    </row>
    <row r="26" spans="1:13">
      <c r="A26" s="87" t="s">
        <v>35</v>
      </c>
      <c r="B26" s="20">
        <v>0</v>
      </c>
      <c r="C26" s="20">
        <v>3</v>
      </c>
      <c r="D26" s="20">
        <v>0</v>
      </c>
      <c r="E26" s="20">
        <v>3</v>
      </c>
      <c r="F26" s="20">
        <v>0</v>
      </c>
      <c r="G26" s="20">
        <v>3</v>
      </c>
    </row>
    <row r="27" spans="1:13">
      <c r="A27" s="88"/>
      <c r="B27" s="21">
        <v>0</v>
      </c>
      <c r="C27" s="21">
        <v>1</v>
      </c>
      <c r="D27" s="21">
        <v>0</v>
      </c>
      <c r="E27" s="21">
        <v>1</v>
      </c>
      <c r="F27" s="21">
        <v>0</v>
      </c>
      <c r="G27" s="21">
        <v>1</v>
      </c>
    </row>
    <row r="28" spans="1:13">
      <c r="A28" s="75" t="s">
        <v>22</v>
      </c>
      <c r="B28" s="24">
        <v>2</v>
      </c>
      <c r="C28" s="24">
        <v>4</v>
      </c>
      <c r="D28" s="24">
        <v>0</v>
      </c>
      <c r="E28" s="24">
        <v>6</v>
      </c>
      <c r="F28" s="24">
        <v>2</v>
      </c>
      <c r="G28" s="24">
        <v>4</v>
      </c>
    </row>
    <row r="29" spans="1:13">
      <c r="A29" s="83"/>
      <c r="B29" s="21">
        <v>0.33300000000000002</v>
      </c>
      <c r="C29" s="21">
        <v>0.66700000000000004</v>
      </c>
      <c r="D29" s="21">
        <v>0</v>
      </c>
      <c r="E29" s="21">
        <v>1</v>
      </c>
      <c r="F29" s="21">
        <v>0.33300000000000002</v>
      </c>
      <c r="G29" s="21">
        <v>0.66700000000000004</v>
      </c>
    </row>
    <row r="30" spans="1:13">
      <c r="A30" s="75" t="s">
        <v>15</v>
      </c>
      <c r="B30" s="20">
        <v>1249</v>
      </c>
      <c r="C30" s="20">
        <v>4418</v>
      </c>
      <c r="D30" s="20">
        <v>81</v>
      </c>
      <c r="E30" s="20">
        <v>5586</v>
      </c>
      <c r="F30" s="20">
        <v>303</v>
      </c>
      <c r="G30" s="20">
        <v>5364</v>
      </c>
    </row>
    <row r="31" spans="1:13">
      <c r="A31" s="83"/>
      <c r="B31" s="21">
        <v>0.22</v>
      </c>
      <c r="C31" s="21">
        <v>0.78</v>
      </c>
      <c r="D31" s="21">
        <v>1.4E-2</v>
      </c>
      <c r="E31" s="21">
        <v>0.98599999999999999</v>
      </c>
      <c r="F31" s="21">
        <v>5.2999999999999999E-2</v>
      </c>
      <c r="G31" s="21">
        <v>0.94699999999999995</v>
      </c>
    </row>
    <row r="32" spans="1:13" ht="14.25" customHeight="1">
      <c r="A32" s="80" t="s">
        <v>302</v>
      </c>
      <c r="B32" s="80"/>
      <c r="C32" s="80"/>
      <c r="D32" s="80"/>
      <c r="E32" s="80"/>
      <c r="F32" s="80"/>
      <c r="G32" s="80"/>
      <c r="H32" s="22"/>
      <c r="I32" s="22"/>
      <c r="J32" s="22"/>
      <c r="K32" s="22"/>
      <c r="L32" s="22"/>
      <c r="M32" s="22"/>
    </row>
    <row r="33" spans="1:7">
      <c r="A33" s="86"/>
      <c r="B33" s="86"/>
      <c r="C33" s="86"/>
      <c r="D33" s="86"/>
      <c r="E33" s="86"/>
      <c r="F33" s="86"/>
      <c r="G33" s="86"/>
    </row>
  </sheetData>
  <mergeCells count="21">
    <mergeCell ref="A3:A4"/>
    <mergeCell ref="B3:C3"/>
    <mergeCell ref="D3:E3"/>
    <mergeCell ref="F3:G3"/>
    <mergeCell ref="A32:G33"/>
    <mergeCell ref="A5:A6"/>
    <mergeCell ref="A7:A8"/>
    <mergeCell ref="A9:A10"/>
    <mergeCell ref="A13:A14"/>
    <mergeCell ref="B18:C18"/>
    <mergeCell ref="A18:A19"/>
    <mergeCell ref="A22:A23"/>
    <mergeCell ref="A24:A25"/>
    <mergeCell ref="A26:A27"/>
    <mergeCell ref="A28:A29"/>
    <mergeCell ref="A30:A31"/>
    <mergeCell ref="F18:G18"/>
    <mergeCell ref="A15:A16"/>
    <mergeCell ref="A11:A12"/>
    <mergeCell ref="D18:E18"/>
    <mergeCell ref="A20:A21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8"/>
  <dimension ref="A1:M35"/>
  <sheetViews>
    <sheetView workbookViewId="0">
      <selection activeCell="A2" sqref="A2"/>
    </sheetView>
  </sheetViews>
  <sheetFormatPr defaultColWidth="9" defaultRowHeight="14.25"/>
  <cols>
    <col min="1" max="1" width="15.25" style="18" customWidth="1"/>
    <col min="2" max="7" width="9.625" style="18" customWidth="1"/>
    <col min="8" max="16384" width="9" style="18"/>
  </cols>
  <sheetData>
    <row r="1" spans="1:13">
      <c r="A1" s="18" t="s">
        <v>595</v>
      </c>
    </row>
    <row r="2" spans="1:13">
      <c r="A2" s="121" t="s">
        <v>613</v>
      </c>
      <c r="B2" s="28"/>
      <c r="C2" s="28"/>
      <c r="D2" s="28"/>
      <c r="E2" s="28"/>
      <c r="F2" s="28"/>
      <c r="G2" s="28"/>
    </row>
    <row r="3" spans="1:13" ht="30" customHeight="1">
      <c r="A3" s="84" t="s">
        <v>167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3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3">
      <c r="A5" s="75" t="s">
        <v>33</v>
      </c>
      <c r="B5" s="20">
        <v>1054</v>
      </c>
      <c r="C5" s="20">
        <v>4460</v>
      </c>
      <c r="D5" s="20">
        <v>182</v>
      </c>
      <c r="E5" s="20">
        <v>5332</v>
      </c>
      <c r="F5" s="20">
        <v>832</v>
      </c>
      <c r="G5" s="20">
        <v>4682</v>
      </c>
    </row>
    <row r="6" spans="1:13">
      <c r="A6" s="75"/>
      <c r="B6" s="21">
        <v>0.191</v>
      </c>
      <c r="C6" s="21">
        <v>0.80900000000000005</v>
      </c>
      <c r="D6" s="21">
        <v>3.3000000000000002E-2</v>
      </c>
      <c r="E6" s="21">
        <v>0.96699999999999997</v>
      </c>
      <c r="F6" s="21">
        <v>0.151</v>
      </c>
      <c r="G6" s="21">
        <v>0.84899999999999998</v>
      </c>
    </row>
    <row r="7" spans="1:13" s="23" customFormat="1">
      <c r="A7" s="75" t="s">
        <v>34</v>
      </c>
      <c r="B7" s="20">
        <v>27</v>
      </c>
      <c r="C7" s="20">
        <v>93</v>
      </c>
      <c r="D7" s="20">
        <v>5</v>
      </c>
      <c r="E7" s="20">
        <v>115</v>
      </c>
      <c r="F7" s="20">
        <v>13</v>
      </c>
      <c r="G7" s="20">
        <v>107</v>
      </c>
    </row>
    <row r="8" spans="1:13">
      <c r="A8" s="83"/>
      <c r="B8" s="21">
        <v>0.22500000000000001</v>
      </c>
      <c r="C8" s="21">
        <v>0.77500000000000002</v>
      </c>
      <c r="D8" s="21">
        <v>4.2000000000000003E-2</v>
      </c>
      <c r="E8" s="21">
        <v>0.95799999999999996</v>
      </c>
      <c r="F8" s="21">
        <v>0.108</v>
      </c>
      <c r="G8" s="21">
        <v>0.89200000000000002</v>
      </c>
    </row>
    <row r="9" spans="1:13">
      <c r="A9" s="84" t="s">
        <v>36</v>
      </c>
      <c r="B9" s="20">
        <v>10</v>
      </c>
      <c r="C9" s="20">
        <v>14</v>
      </c>
      <c r="D9" s="20">
        <v>0</v>
      </c>
      <c r="E9" s="20">
        <v>24</v>
      </c>
      <c r="F9" s="20">
        <v>2</v>
      </c>
      <c r="G9" s="20">
        <v>22</v>
      </c>
      <c r="K9" s="22"/>
      <c r="L9" s="22"/>
      <c r="M9" s="22"/>
    </row>
    <row r="10" spans="1:13">
      <c r="A10" s="75"/>
      <c r="B10" s="21">
        <v>0.41699999999999998</v>
      </c>
      <c r="C10" s="21">
        <v>0.58299999999999996</v>
      </c>
      <c r="D10" s="21">
        <v>0</v>
      </c>
      <c r="E10" s="21">
        <v>1</v>
      </c>
      <c r="F10" s="21">
        <v>8.3000000000000004E-2</v>
      </c>
      <c r="G10" s="21">
        <v>0.91700000000000004</v>
      </c>
    </row>
    <row r="11" spans="1:13">
      <c r="A11" s="75" t="s">
        <v>35</v>
      </c>
      <c r="B11" s="20">
        <v>1</v>
      </c>
      <c r="C11" s="20">
        <v>2</v>
      </c>
      <c r="D11" s="20">
        <v>0</v>
      </c>
      <c r="E11" s="20">
        <v>3</v>
      </c>
      <c r="F11" s="20">
        <v>0</v>
      </c>
      <c r="G11" s="20">
        <v>3</v>
      </c>
      <c r="K11" s="22"/>
      <c r="L11" s="22"/>
      <c r="M11" s="22"/>
    </row>
    <row r="12" spans="1:13">
      <c r="A12" s="83"/>
      <c r="B12" s="21">
        <v>0.33300000000000002</v>
      </c>
      <c r="C12" s="21">
        <v>0.66700000000000004</v>
      </c>
      <c r="D12" s="21">
        <v>0</v>
      </c>
      <c r="E12" s="21">
        <v>1</v>
      </c>
      <c r="F12" s="21">
        <v>0</v>
      </c>
      <c r="G12" s="21">
        <v>1</v>
      </c>
    </row>
    <row r="13" spans="1:13">
      <c r="A13" s="75" t="s">
        <v>22</v>
      </c>
      <c r="B13" s="24">
        <v>1</v>
      </c>
      <c r="C13" s="24">
        <v>5</v>
      </c>
      <c r="D13" s="24">
        <v>0</v>
      </c>
      <c r="E13" s="24">
        <v>6</v>
      </c>
      <c r="F13" s="24">
        <v>1</v>
      </c>
      <c r="G13" s="24">
        <v>5</v>
      </c>
      <c r="H13" s="22"/>
      <c r="I13" s="22"/>
      <c r="J13" s="22"/>
      <c r="K13" s="22"/>
      <c r="L13" s="22"/>
      <c r="M13" s="22"/>
    </row>
    <row r="14" spans="1:13">
      <c r="A14" s="83"/>
      <c r="B14" s="21">
        <v>0.16700000000000001</v>
      </c>
      <c r="C14" s="21">
        <v>0.83299999999999996</v>
      </c>
      <c r="D14" s="21">
        <v>0</v>
      </c>
      <c r="E14" s="21">
        <v>1</v>
      </c>
      <c r="F14" s="21">
        <v>0.16700000000000001</v>
      </c>
      <c r="G14" s="21">
        <v>0.83299999999999996</v>
      </c>
    </row>
    <row r="15" spans="1:13" s="23" customFormat="1">
      <c r="A15" s="75" t="s">
        <v>15</v>
      </c>
      <c r="B15" s="20">
        <v>1093</v>
      </c>
      <c r="C15" s="20">
        <v>4574</v>
      </c>
      <c r="D15" s="20">
        <v>187</v>
      </c>
      <c r="E15" s="20">
        <v>5480</v>
      </c>
      <c r="F15" s="20">
        <v>848</v>
      </c>
      <c r="G15" s="20">
        <v>4819</v>
      </c>
    </row>
    <row r="16" spans="1:13">
      <c r="A16" s="83"/>
      <c r="B16" s="21">
        <v>0.193</v>
      </c>
      <c r="C16" s="21">
        <v>0.80700000000000005</v>
      </c>
      <c r="D16" s="21">
        <v>3.3000000000000002E-2</v>
      </c>
      <c r="E16" s="21">
        <v>0.96699999999999997</v>
      </c>
      <c r="F16" s="21">
        <v>0.15</v>
      </c>
      <c r="G16" s="21">
        <v>0.85</v>
      </c>
    </row>
    <row r="17" spans="1:13">
      <c r="A17" s="50"/>
      <c r="B17" s="51"/>
      <c r="C17" s="51"/>
      <c r="D17" s="52"/>
      <c r="E17" s="52"/>
      <c r="F17" s="52"/>
      <c r="G17" s="52"/>
    </row>
    <row r="18" spans="1:13" ht="30" customHeight="1">
      <c r="A18" s="84" t="s">
        <v>167</v>
      </c>
      <c r="B18" s="82" t="s">
        <v>166</v>
      </c>
      <c r="C18" s="82"/>
      <c r="D18" s="52"/>
      <c r="E18" s="52"/>
      <c r="F18" s="52"/>
      <c r="G18" s="52"/>
    </row>
    <row r="19" spans="1:13">
      <c r="A19" s="84"/>
      <c r="B19" s="11" t="s">
        <v>180</v>
      </c>
      <c r="C19" s="11" t="s">
        <v>181</v>
      </c>
      <c r="D19" s="52"/>
      <c r="E19" s="52"/>
      <c r="F19" s="52"/>
      <c r="G19" s="52"/>
    </row>
    <row r="20" spans="1:13">
      <c r="A20" s="75" t="s">
        <v>33</v>
      </c>
      <c r="B20" s="20">
        <v>126</v>
      </c>
      <c r="C20" s="20">
        <v>5388</v>
      </c>
      <c r="D20" s="52"/>
      <c r="E20" s="52"/>
      <c r="F20" s="52"/>
      <c r="G20" s="52"/>
    </row>
    <row r="21" spans="1:13">
      <c r="A21" s="75"/>
      <c r="B21" s="21">
        <v>2.3E-2</v>
      </c>
      <c r="C21" s="21">
        <v>0.97699999999999998</v>
      </c>
      <c r="D21" s="52"/>
      <c r="E21" s="52"/>
      <c r="F21" s="52"/>
      <c r="G21" s="52"/>
    </row>
    <row r="22" spans="1:13">
      <c r="A22" s="75" t="s">
        <v>34</v>
      </c>
      <c r="B22" s="20">
        <v>4</v>
      </c>
      <c r="C22" s="20">
        <v>116</v>
      </c>
      <c r="D22" s="52"/>
      <c r="E22" s="52"/>
      <c r="F22" s="52"/>
      <c r="G22" s="52"/>
    </row>
    <row r="23" spans="1:13">
      <c r="A23" s="83"/>
      <c r="B23" s="21">
        <v>3.3000000000000002E-2</v>
      </c>
      <c r="C23" s="21">
        <v>0.96699999999999997</v>
      </c>
      <c r="D23" s="52"/>
      <c r="E23" s="52"/>
      <c r="F23" s="52"/>
      <c r="G23" s="52"/>
    </row>
    <row r="24" spans="1:13">
      <c r="A24" s="84" t="s">
        <v>36</v>
      </c>
      <c r="B24" s="20">
        <v>1</v>
      </c>
      <c r="C24" s="20">
        <v>23</v>
      </c>
      <c r="D24" s="52"/>
      <c r="E24" s="52"/>
      <c r="F24" s="52"/>
      <c r="G24" s="52"/>
    </row>
    <row r="25" spans="1:13">
      <c r="A25" s="75"/>
      <c r="B25" s="21">
        <v>4.2000000000000003E-2</v>
      </c>
      <c r="C25" s="21">
        <v>0.95799999999999996</v>
      </c>
      <c r="D25" s="52"/>
      <c r="E25" s="52"/>
      <c r="F25" s="52"/>
      <c r="G25" s="52"/>
    </row>
    <row r="26" spans="1:13">
      <c r="A26" s="75" t="s">
        <v>35</v>
      </c>
      <c r="B26" s="20">
        <v>0</v>
      </c>
      <c r="C26" s="20">
        <v>3</v>
      </c>
      <c r="D26" s="52"/>
      <c r="E26" s="52"/>
      <c r="F26" s="52"/>
      <c r="G26" s="52"/>
    </row>
    <row r="27" spans="1:13">
      <c r="A27" s="83"/>
      <c r="B27" s="21">
        <v>0</v>
      </c>
      <c r="C27" s="21">
        <v>1</v>
      </c>
      <c r="D27" s="52"/>
      <c r="E27" s="52"/>
      <c r="F27" s="52"/>
      <c r="G27" s="52"/>
    </row>
    <row r="28" spans="1:13">
      <c r="A28" s="75" t="s">
        <v>22</v>
      </c>
      <c r="B28" s="24">
        <v>0</v>
      </c>
      <c r="C28" s="24">
        <v>6</v>
      </c>
      <c r="D28" s="52"/>
      <c r="E28" s="52"/>
      <c r="F28" s="52"/>
      <c r="G28" s="52"/>
    </row>
    <row r="29" spans="1:13">
      <c r="A29" s="83"/>
      <c r="B29" s="21">
        <v>0</v>
      </c>
      <c r="C29" s="21">
        <v>1</v>
      </c>
      <c r="D29" s="52"/>
      <c r="E29" s="52"/>
      <c r="F29" s="52"/>
      <c r="G29" s="52"/>
    </row>
    <row r="30" spans="1:13">
      <c r="A30" s="75" t="s">
        <v>15</v>
      </c>
      <c r="B30" s="20">
        <v>131</v>
      </c>
      <c r="C30" s="20">
        <v>5536</v>
      </c>
      <c r="D30" s="52"/>
      <c r="E30" s="52"/>
      <c r="F30" s="52"/>
      <c r="G30" s="52"/>
    </row>
    <row r="31" spans="1:13">
      <c r="A31" s="83"/>
      <c r="B31" s="21">
        <v>2.3E-2</v>
      </c>
      <c r="C31" s="21">
        <v>0.97699999999999998</v>
      </c>
      <c r="D31" s="52"/>
      <c r="E31" s="52"/>
      <c r="F31" s="52"/>
      <c r="G31" s="52"/>
    </row>
    <row r="32" spans="1:13" ht="14.25" customHeight="1">
      <c r="A32" s="71" t="s">
        <v>302</v>
      </c>
      <c r="B32" s="71"/>
      <c r="C32" s="71"/>
      <c r="D32" s="14"/>
      <c r="E32" s="14"/>
      <c r="F32" s="14"/>
      <c r="G32" s="14"/>
      <c r="H32" s="22"/>
      <c r="I32" s="22"/>
      <c r="J32" s="22"/>
      <c r="K32" s="22"/>
      <c r="L32" s="22"/>
      <c r="M32" s="22"/>
    </row>
    <row r="33" spans="1:3">
      <c r="A33" s="81"/>
      <c r="B33" s="81"/>
      <c r="C33" s="81"/>
    </row>
    <row r="34" spans="1:3">
      <c r="A34" s="81"/>
      <c r="B34" s="81"/>
      <c r="C34" s="81"/>
    </row>
    <row r="35" spans="1:3">
      <c r="A35" s="81"/>
      <c r="B35" s="81"/>
      <c r="C35" s="81"/>
    </row>
  </sheetData>
  <mergeCells count="19">
    <mergeCell ref="A20:A21"/>
    <mergeCell ref="A22:A23"/>
    <mergeCell ref="F3:G3"/>
    <mergeCell ref="B18:C18"/>
    <mergeCell ref="A5:A6"/>
    <mergeCell ref="A7:A8"/>
    <mergeCell ref="A13:A14"/>
    <mergeCell ref="A15:A16"/>
    <mergeCell ref="A18:A19"/>
    <mergeCell ref="A9:A10"/>
    <mergeCell ref="A11:A12"/>
    <mergeCell ref="A3:A4"/>
    <mergeCell ref="B3:C3"/>
    <mergeCell ref="D3:E3"/>
    <mergeCell ref="A24:A25"/>
    <mergeCell ref="A26:A27"/>
    <mergeCell ref="A28:A29"/>
    <mergeCell ref="A30:A31"/>
    <mergeCell ref="A32:C35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9"/>
  <dimension ref="A1:Q18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2" width="11.625" style="18" bestFit="1" customWidth="1"/>
    <col min="3" max="3" width="13.875" style="18" bestFit="1" customWidth="1"/>
    <col min="4" max="5" width="8.875" style="18" customWidth="1"/>
    <col min="6" max="16384" width="9" style="18"/>
  </cols>
  <sheetData>
    <row r="1" spans="1:17">
      <c r="A1" s="70" t="s">
        <v>446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148</v>
      </c>
      <c r="B3" s="76" t="s">
        <v>124</v>
      </c>
      <c r="C3" s="76"/>
      <c r="D3" s="76"/>
      <c r="E3" s="76"/>
    </row>
    <row r="4" spans="1:17">
      <c r="A4" s="75"/>
      <c r="B4" s="11" t="s">
        <v>86</v>
      </c>
      <c r="C4" s="11" t="s">
        <v>87</v>
      </c>
      <c r="D4" s="11" t="s">
        <v>22</v>
      </c>
      <c r="E4" s="11" t="s">
        <v>15</v>
      </c>
    </row>
    <row r="5" spans="1:17">
      <c r="A5" s="73" t="s">
        <v>33</v>
      </c>
      <c r="B5" s="20">
        <v>3910</v>
      </c>
      <c r="C5" s="20">
        <v>1967</v>
      </c>
      <c r="D5" s="20">
        <v>19</v>
      </c>
      <c r="E5" s="20">
        <v>5896</v>
      </c>
    </row>
    <row r="6" spans="1:17">
      <c r="A6" s="77"/>
      <c r="B6" s="21">
        <v>0.66300000000000003</v>
      </c>
      <c r="C6" s="21">
        <v>0.33400000000000002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3" t="s">
        <v>229</v>
      </c>
      <c r="B7" s="24">
        <v>75</v>
      </c>
      <c r="C7" s="24">
        <v>63</v>
      </c>
      <c r="D7" s="24">
        <v>0</v>
      </c>
      <c r="E7" s="20">
        <v>138</v>
      </c>
      <c r="J7" s="22"/>
      <c r="K7" s="22"/>
      <c r="L7" s="22"/>
      <c r="M7" s="22"/>
      <c r="N7" s="22"/>
    </row>
    <row r="8" spans="1:17">
      <c r="A8" s="74"/>
      <c r="B8" s="21">
        <v>0.54300000000000004</v>
      </c>
      <c r="C8" s="21">
        <v>0.45700000000000002</v>
      </c>
      <c r="D8" s="21">
        <v>0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87" t="s">
        <v>36</v>
      </c>
      <c r="B9" s="24">
        <v>14</v>
      </c>
      <c r="C9" s="24">
        <v>11</v>
      </c>
      <c r="D9" s="24">
        <v>0</v>
      </c>
      <c r="E9" s="24">
        <v>25</v>
      </c>
    </row>
    <row r="10" spans="1:17">
      <c r="A10" s="88"/>
      <c r="B10" s="21">
        <v>0.56000000000000005</v>
      </c>
      <c r="C10" s="21">
        <v>0.44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102" t="s">
        <v>35</v>
      </c>
      <c r="B11" s="24">
        <v>1</v>
      </c>
      <c r="C11" s="24">
        <v>3</v>
      </c>
      <c r="D11" s="24">
        <v>0</v>
      </c>
      <c r="E11" s="24">
        <v>4</v>
      </c>
    </row>
    <row r="12" spans="1:17">
      <c r="A12" s="99"/>
      <c r="B12" s="21">
        <v>0.25</v>
      </c>
      <c r="C12" s="21">
        <v>0.75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95" t="s">
        <v>22</v>
      </c>
      <c r="B13" s="24">
        <v>5</v>
      </c>
      <c r="C13" s="24">
        <v>1</v>
      </c>
      <c r="D13" s="24">
        <v>1</v>
      </c>
      <c r="E13" s="24">
        <v>7</v>
      </c>
    </row>
    <row r="14" spans="1:17">
      <c r="A14" s="99"/>
      <c r="B14" s="21">
        <v>0.71399999999999997</v>
      </c>
      <c r="C14" s="21">
        <v>0.14299999999999999</v>
      </c>
      <c r="D14" s="21">
        <v>0.14299999999999999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4005</v>
      </c>
      <c r="C15" s="20">
        <v>2045</v>
      </c>
      <c r="D15" s="20">
        <v>20</v>
      </c>
      <c r="E15" s="20">
        <v>6070</v>
      </c>
    </row>
    <row r="16" spans="1:17">
      <c r="A16" s="74"/>
      <c r="B16" s="21">
        <v>0.66</v>
      </c>
      <c r="C16" s="21">
        <v>0.33700000000000002</v>
      </c>
      <c r="D16" s="21">
        <v>3.0000000000000001E-3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5">
      <c r="A17" s="71" t="s">
        <v>225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5">
      <c r="A18" s="81"/>
      <c r="B18" s="81"/>
      <c r="C18" s="81"/>
      <c r="D18" s="81"/>
      <c r="E18" s="81"/>
      <c r="J18" s="22"/>
      <c r="K18" s="22"/>
      <c r="L18" s="22"/>
      <c r="M18" s="22"/>
      <c r="N18" s="22"/>
      <c r="O18" s="22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0"/>
  <dimension ref="A1:Q19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5" width="8.875" style="18" customWidth="1"/>
    <col min="6" max="16384" width="9" style="18"/>
  </cols>
  <sheetData>
    <row r="1" spans="1:17">
      <c r="A1" s="70" t="s">
        <v>447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32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33</v>
      </c>
      <c r="B5" s="20">
        <v>2397</v>
      </c>
      <c r="C5" s="20">
        <v>1420</v>
      </c>
      <c r="D5" s="20">
        <v>93</v>
      </c>
      <c r="E5" s="20">
        <v>3910</v>
      </c>
    </row>
    <row r="6" spans="1:17">
      <c r="A6" s="77"/>
      <c r="B6" s="21">
        <v>0.61299999999999999</v>
      </c>
      <c r="C6" s="21">
        <v>0.36299999999999999</v>
      </c>
      <c r="D6" s="21">
        <v>2.4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34</v>
      </c>
      <c r="B7" s="24">
        <v>46</v>
      </c>
      <c r="C7" s="24">
        <v>28</v>
      </c>
      <c r="D7" s="24">
        <v>1</v>
      </c>
      <c r="E7" s="20">
        <v>75</v>
      </c>
      <c r="J7" s="22"/>
      <c r="K7" s="22"/>
      <c r="L7" s="22"/>
      <c r="M7" s="22"/>
      <c r="N7" s="22"/>
    </row>
    <row r="8" spans="1:17">
      <c r="A8" s="79"/>
      <c r="B8" s="21">
        <v>0.61299999999999999</v>
      </c>
      <c r="C8" s="21">
        <v>0.373</v>
      </c>
      <c r="D8" s="21">
        <v>1.2999999999999999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31</v>
      </c>
      <c r="B9" s="24">
        <v>8</v>
      </c>
      <c r="C9" s="24">
        <v>6</v>
      </c>
      <c r="D9" s="24">
        <v>0</v>
      </c>
      <c r="E9" s="24">
        <v>14</v>
      </c>
    </row>
    <row r="10" spans="1:17">
      <c r="A10" s="99"/>
      <c r="B10" s="21">
        <v>0.57099999999999995</v>
      </c>
      <c r="C10" s="21">
        <v>0.42899999999999999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102" t="s">
        <v>35</v>
      </c>
      <c r="B11" s="24">
        <v>1</v>
      </c>
      <c r="C11" s="24">
        <v>0</v>
      </c>
      <c r="D11" s="24">
        <v>0</v>
      </c>
      <c r="E11" s="24">
        <v>1</v>
      </c>
    </row>
    <row r="12" spans="1:17">
      <c r="A12" s="99"/>
      <c r="B12" s="21">
        <v>1</v>
      </c>
      <c r="C12" s="21">
        <v>0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95" t="s">
        <v>22</v>
      </c>
      <c r="B13" s="24">
        <v>2</v>
      </c>
      <c r="C13" s="24">
        <v>3</v>
      </c>
      <c r="D13" s="24">
        <v>0</v>
      </c>
      <c r="E13" s="24">
        <v>5</v>
      </c>
    </row>
    <row r="14" spans="1:17">
      <c r="A14" s="99"/>
      <c r="B14" s="21">
        <v>0.4</v>
      </c>
      <c r="C14" s="21">
        <v>0.6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2454</v>
      </c>
      <c r="C15" s="20">
        <v>1457</v>
      </c>
      <c r="D15" s="20">
        <v>94</v>
      </c>
      <c r="E15" s="20">
        <v>4005</v>
      </c>
    </row>
    <row r="16" spans="1:17">
      <c r="A16" s="74"/>
      <c r="B16" s="21">
        <v>0.61299999999999999</v>
      </c>
      <c r="C16" s="21">
        <v>0.36399999999999999</v>
      </c>
      <c r="D16" s="21">
        <v>2.3E-2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5" ht="14.25" customHeight="1">
      <c r="A17" s="80" t="s">
        <v>216</v>
      </c>
      <c r="B17" s="80"/>
      <c r="C17" s="80"/>
      <c r="D17" s="80"/>
      <c r="E17" s="80"/>
      <c r="J17" s="22"/>
      <c r="K17" s="22"/>
      <c r="L17" s="22"/>
      <c r="M17" s="22"/>
      <c r="N17" s="22"/>
    </row>
    <row r="18" spans="1:15">
      <c r="A18" s="86"/>
      <c r="B18" s="86"/>
      <c r="C18" s="86"/>
      <c r="D18" s="86"/>
      <c r="E18" s="86"/>
      <c r="J18" s="22"/>
      <c r="K18" s="22"/>
      <c r="L18" s="22"/>
      <c r="M18" s="22"/>
      <c r="N18" s="22"/>
      <c r="O18" s="22"/>
    </row>
    <row r="19" spans="1:15">
      <c r="A19" s="86"/>
      <c r="B19" s="86"/>
      <c r="C19" s="86"/>
      <c r="D19" s="86"/>
      <c r="E19" s="86"/>
    </row>
  </sheetData>
  <mergeCells count="10">
    <mergeCell ref="A17:E19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1"/>
  <dimension ref="A1:S18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8.875" style="18" customWidth="1"/>
    <col min="4" max="5" width="9.5" style="18" bestFit="1" customWidth="1"/>
    <col min="6" max="7" width="8.875" style="18" customWidth="1"/>
    <col min="8" max="16384" width="9" style="18"/>
  </cols>
  <sheetData>
    <row r="1" spans="1:19">
      <c r="A1" s="70" t="s">
        <v>448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148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212</v>
      </c>
      <c r="C4" s="11" t="s">
        <v>230</v>
      </c>
      <c r="D4" s="11" t="s">
        <v>195</v>
      </c>
      <c r="E4" s="11" t="s">
        <v>233</v>
      </c>
      <c r="F4" s="11" t="s">
        <v>22</v>
      </c>
      <c r="G4" s="11" t="s">
        <v>15</v>
      </c>
    </row>
    <row r="5" spans="1:19">
      <c r="A5" s="73" t="s">
        <v>33</v>
      </c>
      <c r="B5" s="20">
        <v>413</v>
      </c>
      <c r="C5" s="20">
        <v>1378</v>
      </c>
      <c r="D5" s="20">
        <v>1786</v>
      </c>
      <c r="E5" s="20">
        <v>2300</v>
      </c>
      <c r="F5" s="20">
        <v>19</v>
      </c>
      <c r="G5" s="20">
        <v>5896</v>
      </c>
    </row>
    <row r="6" spans="1:19">
      <c r="A6" s="77"/>
      <c r="B6" s="21">
        <v>7.0000000000000007E-2</v>
      </c>
      <c r="C6" s="21">
        <v>0.23400000000000001</v>
      </c>
      <c r="D6" s="21">
        <v>0.30299999999999999</v>
      </c>
      <c r="E6" s="21">
        <v>0.39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229</v>
      </c>
      <c r="B7" s="24">
        <v>17</v>
      </c>
      <c r="C7" s="24">
        <v>39</v>
      </c>
      <c r="D7" s="24">
        <v>34</v>
      </c>
      <c r="E7" s="24">
        <v>48</v>
      </c>
      <c r="F7" s="24">
        <v>0</v>
      </c>
      <c r="G7" s="20">
        <v>138</v>
      </c>
      <c r="L7" s="22"/>
      <c r="M7" s="22"/>
      <c r="N7" s="22"/>
      <c r="O7" s="22"/>
      <c r="P7" s="22"/>
    </row>
    <row r="8" spans="1:19">
      <c r="A8" s="79"/>
      <c r="B8" s="21">
        <v>0.123</v>
      </c>
      <c r="C8" s="21">
        <v>0.28299999999999997</v>
      </c>
      <c r="D8" s="21">
        <v>0.246</v>
      </c>
      <c r="E8" s="21">
        <v>0.34799999999999998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36</v>
      </c>
      <c r="B9" s="24">
        <v>3</v>
      </c>
      <c r="C9" s="24">
        <v>6</v>
      </c>
      <c r="D9" s="24">
        <v>9</v>
      </c>
      <c r="E9" s="24">
        <v>7</v>
      </c>
      <c r="F9" s="24">
        <v>0</v>
      </c>
      <c r="G9" s="24">
        <v>25</v>
      </c>
    </row>
    <row r="10" spans="1:19">
      <c r="A10" s="99"/>
      <c r="B10" s="21">
        <v>0.12</v>
      </c>
      <c r="C10" s="21">
        <v>0.24</v>
      </c>
      <c r="D10" s="21">
        <v>0.36</v>
      </c>
      <c r="E10" s="21">
        <v>0.28000000000000003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102" t="s">
        <v>35</v>
      </c>
      <c r="B11" s="24">
        <v>1</v>
      </c>
      <c r="C11" s="24">
        <v>0</v>
      </c>
      <c r="D11" s="24">
        <v>1</v>
      </c>
      <c r="E11" s="24">
        <v>2</v>
      </c>
      <c r="F11" s="24">
        <v>0</v>
      </c>
      <c r="G11" s="24">
        <v>4</v>
      </c>
    </row>
    <row r="12" spans="1:19">
      <c r="A12" s="99"/>
      <c r="B12" s="21">
        <v>0.25</v>
      </c>
      <c r="C12" s="21">
        <v>0</v>
      </c>
      <c r="D12" s="21">
        <v>0.25</v>
      </c>
      <c r="E12" s="21">
        <v>0.5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95" t="s">
        <v>22</v>
      </c>
      <c r="B13" s="24">
        <v>1</v>
      </c>
      <c r="C13" s="24">
        <v>1</v>
      </c>
      <c r="D13" s="24">
        <v>1</v>
      </c>
      <c r="E13" s="24">
        <v>4</v>
      </c>
      <c r="F13" s="24">
        <v>0</v>
      </c>
      <c r="G13" s="24">
        <v>7</v>
      </c>
    </row>
    <row r="14" spans="1:19">
      <c r="A14" s="99"/>
      <c r="B14" s="21">
        <v>0.14299999999999999</v>
      </c>
      <c r="C14" s="21">
        <v>0.14299999999999999</v>
      </c>
      <c r="D14" s="21">
        <v>0.14299999999999999</v>
      </c>
      <c r="E14" s="21">
        <v>0.57099999999999995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s="23" customFormat="1">
      <c r="A15" s="73" t="s">
        <v>15</v>
      </c>
      <c r="B15" s="20">
        <v>435</v>
      </c>
      <c r="C15" s="20">
        <v>1424</v>
      </c>
      <c r="D15" s="20">
        <v>1831</v>
      </c>
      <c r="E15" s="20">
        <v>2361</v>
      </c>
      <c r="F15" s="20">
        <v>19</v>
      </c>
      <c r="G15" s="20">
        <v>6070</v>
      </c>
    </row>
    <row r="16" spans="1:19">
      <c r="A16" s="74"/>
      <c r="B16" s="21">
        <v>7.1999999999999995E-2</v>
      </c>
      <c r="C16" s="21">
        <v>0.23499999999999999</v>
      </c>
      <c r="D16" s="21">
        <v>0.30199999999999999</v>
      </c>
      <c r="E16" s="21">
        <v>0.38900000000000001</v>
      </c>
      <c r="F16" s="21">
        <v>3.0000000000000001E-3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7" ht="14.25" customHeight="1">
      <c r="A17" s="71" t="s">
        <v>217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7">
      <c r="A18" s="81"/>
      <c r="B18" s="81"/>
      <c r="C18" s="81"/>
      <c r="D18" s="81"/>
      <c r="E18" s="81"/>
      <c r="F18" s="81"/>
      <c r="G18" s="81"/>
      <c r="L18" s="22"/>
      <c r="M18" s="22"/>
      <c r="N18" s="22"/>
      <c r="O18" s="22"/>
      <c r="P18" s="22"/>
      <c r="Q18" s="22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2"/>
  <dimension ref="A1:R19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2" width="8.875" style="18" customWidth="1"/>
    <col min="3" max="3" width="9.5" style="18" bestFit="1" customWidth="1"/>
    <col min="4" max="6" width="8.875" style="18" customWidth="1"/>
    <col min="7" max="16384" width="9" style="18"/>
  </cols>
  <sheetData>
    <row r="1" spans="1:18">
      <c r="A1" s="70" t="s">
        <v>449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148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3" t="s">
        <v>33</v>
      </c>
      <c r="B5" s="20">
        <v>571</v>
      </c>
      <c r="C5" s="20">
        <v>1097</v>
      </c>
      <c r="D5" s="20">
        <v>4197</v>
      </c>
      <c r="E5" s="20">
        <v>31</v>
      </c>
      <c r="F5" s="20">
        <v>5896</v>
      </c>
    </row>
    <row r="6" spans="1:18">
      <c r="A6" s="77"/>
      <c r="B6" s="21">
        <v>9.7000000000000003E-2</v>
      </c>
      <c r="C6" s="21">
        <v>0.186</v>
      </c>
      <c r="D6" s="21">
        <v>0.71199999999999997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229</v>
      </c>
      <c r="B7" s="24">
        <v>17</v>
      </c>
      <c r="C7" s="24">
        <v>21</v>
      </c>
      <c r="D7" s="24">
        <v>100</v>
      </c>
      <c r="E7" s="24">
        <v>0</v>
      </c>
      <c r="F7" s="20">
        <v>138</v>
      </c>
      <c r="K7" s="22"/>
      <c r="L7" s="22"/>
      <c r="M7" s="22"/>
      <c r="N7" s="22"/>
      <c r="O7" s="22"/>
    </row>
    <row r="8" spans="1:18">
      <c r="A8" s="79"/>
      <c r="B8" s="21">
        <v>0.123</v>
      </c>
      <c r="C8" s="21">
        <v>0.152</v>
      </c>
      <c r="D8" s="21">
        <v>0.72499999999999998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36</v>
      </c>
      <c r="B9" s="24">
        <v>4</v>
      </c>
      <c r="C9" s="24">
        <v>4</v>
      </c>
      <c r="D9" s="24">
        <v>16</v>
      </c>
      <c r="E9" s="24">
        <v>1</v>
      </c>
      <c r="F9" s="24">
        <v>25</v>
      </c>
    </row>
    <row r="10" spans="1:18">
      <c r="A10" s="99"/>
      <c r="B10" s="21">
        <v>0.16</v>
      </c>
      <c r="C10" s="21">
        <v>0.16</v>
      </c>
      <c r="D10" s="21">
        <v>0.64</v>
      </c>
      <c r="E10" s="21">
        <v>0.04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102" t="s">
        <v>35</v>
      </c>
      <c r="B11" s="24">
        <v>1</v>
      </c>
      <c r="C11" s="24">
        <v>0</v>
      </c>
      <c r="D11" s="24">
        <v>3</v>
      </c>
      <c r="E11" s="24">
        <v>0</v>
      </c>
      <c r="F11" s="24">
        <v>4</v>
      </c>
    </row>
    <row r="12" spans="1:18">
      <c r="A12" s="99"/>
      <c r="B12" s="21">
        <v>0.25</v>
      </c>
      <c r="C12" s="21">
        <v>0</v>
      </c>
      <c r="D12" s="21">
        <v>0.75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95" t="s">
        <v>22</v>
      </c>
      <c r="B13" s="24">
        <v>0</v>
      </c>
      <c r="C13" s="24">
        <v>1</v>
      </c>
      <c r="D13" s="24">
        <v>4</v>
      </c>
      <c r="E13" s="24">
        <v>2</v>
      </c>
      <c r="F13" s="24">
        <v>7</v>
      </c>
    </row>
    <row r="14" spans="1:18">
      <c r="A14" s="99"/>
      <c r="B14" s="21">
        <v>0</v>
      </c>
      <c r="C14" s="21">
        <v>0.14299999999999999</v>
      </c>
      <c r="D14" s="21">
        <v>0.57099999999999995</v>
      </c>
      <c r="E14" s="21">
        <v>0.28599999999999998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593</v>
      </c>
      <c r="C15" s="20">
        <v>1123</v>
      </c>
      <c r="D15" s="20">
        <v>4320</v>
      </c>
      <c r="E15" s="20">
        <v>34</v>
      </c>
      <c r="F15" s="20">
        <v>6070</v>
      </c>
    </row>
    <row r="16" spans="1:18">
      <c r="A16" s="74"/>
      <c r="B16" s="21">
        <v>9.8000000000000004E-2</v>
      </c>
      <c r="C16" s="21">
        <v>0.185</v>
      </c>
      <c r="D16" s="21">
        <v>0.71199999999999997</v>
      </c>
      <c r="E16" s="21">
        <v>6.0000000000000001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 ht="14.25" customHeight="1">
      <c r="A17" s="71" t="s">
        <v>227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6">
      <c r="A18" s="81"/>
      <c r="B18" s="81"/>
      <c r="C18" s="81"/>
      <c r="D18" s="81"/>
      <c r="E18" s="81"/>
      <c r="F18" s="81"/>
      <c r="K18" s="22"/>
      <c r="L18" s="22"/>
      <c r="M18" s="22"/>
      <c r="N18" s="22"/>
      <c r="O18" s="22"/>
      <c r="P18" s="22"/>
    </row>
    <row r="19" spans="1:16">
      <c r="A19" s="81"/>
      <c r="B19" s="81"/>
      <c r="C19" s="81"/>
      <c r="D19" s="81"/>
      <c r="E19" s="81"/>
      <c r="F19" s="81"/>
    </row>
  </sheetData>
  <mergeCells count="10">
    <mergeCell ref="A17:F19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/>
  <dimension ref="A1:Q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9" style="18" customWidth="1"/>
    <col min="6" max="16384" width="9" style="18"/>
  </cols>
  <sheetData>
    <row r="1" spans="1:17">
      <c r="A1" s="70" t="s">
        <v>85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6</v>
      </c>
      <c r="B3" s="76" t="s">
        <v>88</v>
      </c>
      <c r="C3" s="76"/>
      <c r="D3" s="76"/>
      <c r="E3" s="76"/>
    </row>
    <row r="4" spans="1:17" ht="28.5">
      <c r="A4" s="75"/>
      <c r="B4" s="11" t="s">
        <v>193</v>
      </c>
      <c r="C4" s="11" t="s">
        <v>194</v>
      </c>
      <c r="D4" s="11" t="s">
        <v>22</v>
      </c>
      <c r="E4" s="11" t="s">
        <v>15</v>
      </c>
    </row>
    <row r="5" spans="1:17">
      <c r="A5" s="73" t="s">
        <v>7</v>
      </c>
      <c r="B5" s="20">
        <v>1682</v>
      </c>
      <c r="C5" s="20">
        <v>826</v>
      </c>
      <c r="D5" s="20">
        <v>9</v>
      </c>
      <c r="E5" s="20">
        <v>2517</v>
      </c>
    </row>
    <row r="6" spans="1:17">
      <c r="A6" s="77"/>
      <c r="B6" s="21">
        <v>0.66800000000000004</v>
      </c>
      <c r="C6" s="21">
        <v>0.32800000000000001</v>
      </c>
      <c r="D6" s="21">
        <v>4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3" t="s">
        <v>8</v>
      </c>
      <c r="B7" s="24">
        <v>376</v>
      </c>
      <c r="C7" s="24">
        <v>150</v>
      </c>
      <c r="D7" s="24">
        <v>3</v>
      </c>
      <c r="E7" s="20">
        <v>529</v>
      </c>
      <c r="J7" s="22"/>
      <c r="K7" s="22"/>
      <c r="L7" s="22"/>
      <c r="M7" s="22"/>
      <c r="N7" s="22"/>
    </row>
    <row r="8" spans="1:17">
      <c r="A8" s="74"/>
      <c r="B8" s="21">
        <v>0.71099999999999997</v>
      </c>
      <c r="C8" s="21">
        <v>0.28399999999999997</v>
      </c>
      <c r="D8" s="21">
        <v>6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9</v>
      </c>
      <c r="B9" s="24">
        <v>565</v>
      </c>
      <c r="C9" s="24">
        <v>347</v>
      </c>
      <c r="D9" s="24">
        <v>4</v>
      </c>
      <c r="E9" s="24">
        <v>916</v>
      </c>
      <c r="J9" s="22"/>
      <c r="K9" s="22"/>
      <c r="L9" s="22"/>
      <c r="M9" s="22"/>
      <c r="N9" s="22"/>
    </row>
    <row r="10" spans="1:17">
      <c r="A10" s="74"/>
      <c r="B10" s="21">
        <v>0.61699999999999999</v>
      </c>
      <c r="C10" s="21">
        <v>0.379</v>
      </c>
      <c r="D10" s="21">
        <v>4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10</v>
      </c>
      <c r="B11" s="24">
        <v>189</v>
      </c>
      <c r="C11" s="24">
        <v>78</v>
      </c>
      <c r="D11" s="24">
        <v>0</v>
      </c>
      <c r="E11" s="24">
        <v>267</v>
      </c>
      <c r="J11" s="22"/>
      <c r="K11" s="22"/>
      <c r="L11" s="22"/>
      <c r="M11" s="22"/>
      <c r="N11" s="22"/>
    </row>
    <row r="12" spans="1:17">
      <c r="A12" s="79"/>
      <c r="B12" s="21">
        <v>0.70799999999999996</v>
      </c>
      <c r="C12" s="21">
        <v>0.29199999999999998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3" t="s">
        <v>11</v>
      </c>
      <c r="B13" s="24">
        <v>149</v>
      </c>
      <c r="C13" s="24">
        <v>88</v>
      </c>
      <c r="D13" s="24">
        <v>0</v>
      </c>
      <c r="E13" s="24">
        <v>237</v>
      </c>
      <c r="J13" s="22"/>
      <c r="K13" s="22"/>
      <c r="L13" s="22"/>
      <c r="M13" s="22"/>
      <c r="N13" s="22"/>
    </row>
    <row r="14" spans="1:17">
      <c r="A14" s="74"/>
      <c r="B14" s="21">
        <v>0.629</v>
      </c>
      <c r="C14" s="21">
        <v>0.371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73" t="s">
        <v>12</v>
      </c>
      <c r="B15" s="24">
        <v>170</v>
      </c>
      <c r="C15" s="24">
        <v>60</v>
      </c>
      <c r="D15" s="24">
        <v>1</v>
      </c>
      <c r="E15" s="24">
        <v>231</v>
      </c>
      <c r="J15" s="22"/>
      <c r="K15" s="22"/>
      <c r="L15" s="22"/>
      <c r="M15" s="22"/>
      <c r="N15" s="22"/>
    </row>
    <row r="16" spans="1:17">
      <c r="A16" s="74"/>
      <c r="B16" s="21">
        <v>0.73599999999999999</v>
      </c>
      <c r="C16" s="21">
        <v>0.26</v>
      </c>
      <c r="D16" s="21">
        <v>4.0000000000000001E-3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7" s="23" customFormat="1">
      <c r="A17" s="73" t="s">
        <v>13</v>
      </c>
      <c r="B17" s="20">
        <v>750</v>
      </c>
      <c r="C17" s="20">
        <v>395</v>
      </c>
      <c r="D17" s="20">
        <v>1</v>
      </c>
      <c r="E17" s="20">
        <v>1146</v>
      </c>
    </row>
    <row r="18" spans="1:17">
      <c r="A18" s="74"/>
      <c r="B18" s="21">
        <v>0.65400000000000003</v>
      </c>
      <c r="C18" s="21">
        <v>0.34499999999999997</v>
      </c>
      <c r="D18" s="21">
        <v>1E-3</v>
      </c>
      <c r="E18" s="21">
        <v>1</v>
      </c>
      <c r="J18" s="22"/>
      <c r="K18" s="22"/>
      <c r="L18" s="22"/>
      <c r="M18" s="22"/>
      <c r="N18" s="22"/>
      <c r="O18" s="22"/>
      <c r="P18" s="22"/>
      <c r="Q18" s="22"/>
    </row>
    <row r="19" spans="1:17">
      <c r="A19" s="73" t="s">
        <v>14</v>
      </c>
      <c r="B19" s="24">
        <v>99</v>
      </c>
      <c r="C19" s="24">
        <v>80</v>
      </c>
      <c r="D19" s="24">
        <v>0</v>
      </c>
      <c r="E19" s="24">
        <v>179</v>
      </c>
      <c r="J19" s="22"/>
      <c r="K19" s="22"/>
      <c r="L19" s="22"/>
      <c r="M19" s="22"/>
      <c r="N19" s="22"/>
    </row>
    <row r="20" spans="1:17">
      <c r="A20" s="74"/>
      <c r="B20" s="21">
        <v>0.55300000000000005</v>
      </c>
      <c r="C20" s="21">
        <v>0.44700000000000001</v>
      </c>
      <c r="D20" s="21">
        <v>0</v>
      </c>
      <c r="E20" s="21">
        <v>1</v>
      </c>
      <c r="J20" s="22"/>
      <c r="K20" s="22"/>
      <c r="L20" s="22"/>
      <c r="M20" s="22"/>
      <c r="N20" s="22"/>
      <c r="O20" s="22"/>
      <c r="P20" s="22"/>
      <c r="Q20" s="22"/>
    </row>
    <row r="21" spans="1:17">
      <c r="A21" s="72" t="s">
        <v>22</v>
      </c>
      <c r="B21" s="34">
        <v>25</v>
      </c>
      <c r="C21" s="34">
        <v>21</v>
      </c>
      <c r="D21" s="34">
        <v>2</v>
      </c>
      <c r="E21" s="34">
        <v>48</v>
      </c>
      <c r="J21" s="22"/>
      <c r="K21" s="22"/>
      <c r="L21" s="22"/>
      <c r="M21" s="22"/>
      <c r="N21" s="22"/>
    </row>
    <row r="22" spans="1:17" s="26" customFormat="1">
      <c r="A22" s="72"/>
      <c r="B22" s="33">
        <v>0.52100000000000002</v>
      </c>
      <c r="C22" s="33">
        <v>0.438</v>
      </c>
      <c r="D22" s="33">
        <v>4.2000000000000003E-2</v>
      </c>
      <c r="E22" s="33">
        <v>1</v>
      </c>
    </row>
    <row r="23" spans="1:17" s="23" customFormat="1">
      <c r="A23" s="73" t="s">
        <v>15</v>
      </c>
      <c r="B23" s="20">
        <v>4005</v>
      </c>
      <c r="C23" s="20">
        <v>2045</v>
      </c>
      <c r="D23" s="20">
        <v>20</v>
      </c>
      <c r="E23" s="20">
        <v>6070</v>
      </c>
    </row>
    <row r="24" spans="1:17">
      <c r="A24" s="74"/>
      <c r="B24" s="21">
        <v>0.66</v>
      </c>
      <c r="C24" s="21">
        <v>0.33700000000000002</v>
      </c>
      <c r="D24" s="21">
        <v>3.0000000000000001E-3</v>
      </c>
      <c r="E24" s="21">
        <v>1</v>
      </c>
      <c r="J24" s="22"/>
      <c r="K24" s="22"/>
      <c r="L24" s="22"/>
      <c r="M24" s="22"/>
      <c r="N24" s="22"/>
      <c r="O24" s="22"/>
      <c r="P24" s="22"/>
      <c r="Q24" s="22"/>
    </row>
    <row r="25" spans="1:17" ht="14.25" customHeight="1">
      <c r="A25" s="71" t="s">
        <v>89</v>
      </c>
      <c r="B25" s="71"/>
      <c r="C25" s="71"/>
      <c r="D25" s="71"/>
      <c r="E25" s="71"/>
      <c r="J25" s="22"/>
      <c r="K25" s="22"/>
      <c r="L25" s="22"/>
      <c r="M25" s="22"/>
      <c r="N25" s="22"/>
    </row>
    <row r="26" spans="1:17">
      <c r="A26" s="81"/>
      <c r="B26" s="81"/>
      <c r="C26" s="81"/>
      <c r="D26" s="81"/>
      <c r="E26" s="81"/>
    </row>
  </sheetData>
  <mergeCells count="14">
    <mergeCell ref="A25:E26"/>
    <mergeCell ref="A9:A10"/>
    <mergeCell ref="A1:E1"/>
    <mergeCell ref="A3:A4"/>
    <mergeCell ref="B3:E3"/>
    <mergeCell ref="A5:A6"/>
    <mergeCell ref="A7:A8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3"/>
  <dimension ref="A1:R18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8.875" style="18" customWidth="1"/>
    <col min="4" max="4" width="14.375" style="18" customWidth="1"/>
    <col min="5" max="6" width="8.875" style="18" customWidth="1"/>
    <col min="7" max="16384" width="9" style="18"/>
  </cols>
  <sheetData>
    <row r="1" spans="1:18">
      <c r="A1" s="70" t="s">
        <v>450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148</v>
      </c>
      <c r="B3" s="76" t="s">
        <v>128</v>
      </c>
      <c r="C3" s="76"/>
      <c r="D3" s="76"/>
      <c r="E3" s="76"/>
      <c r="F3" s="76"/>
    </row>
    <row r="4" spans="1:18" ht="28.15" customHeight="1">
      <c r="A4" s="84"/>
      <c r="B4" s="11" t="s">
        <v>43</v>
      </c>
      <c r="C4" s="11" t="s">
        <v>44</v>
      </c>
      <c r="D4" s="11" t="s">
        <v>107</v>
      </c>
      <c r="E4" s="11" t="s">
        <v>22</v>
      </c>
      <c r="F4" s="11" t="s">
        <v>15</v>
      </c>
    </row>
    <row r="5" spans="1:18">
      <c r="A5" s="73" t="s">
        <v>33</v>
      </c>
      <c r="B5" s="20">
        <v>2364</v>
      </c>
      <c r="C5" s="20">
        <v>2619</v>
      </c>
      <c r="D5" s="20">
        <v>900</v>
      </c>
      <c r="E5" s="20">
        <v>13</v>
      </c>
      <c r="F5" s="20">
        <v>5896</v>
      </c>
    </row>
    <row r="6" spans="1:18">
      <c r="A6" s="77"/>
      <c r="B6" s="21">
        <v>0.40100000000000002</v>
      </c>
      <c r="C6" s="21">
        <v>0.44400000000000001</v>
      </c>
      <c r="D6" s="21">
        <v>0.153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229</v>
      </c>
      <c r="B7" s="24">
        <v>70</v>
      </c>
      <c r="C7" s="24">
        <v>42</v>
      </c>
      <c r="D7" s="24">
        <v>26</v>
      </c>
      <c r="E7" s="24">
        <v>0</v>
      </c>
      <c r="F7" s="20">
        <v>138</v>
      </c>
      <c r="K7" s="22"/>
      <c r="L7" s="22"/>
      <c r="M7" s="22"/>
      <c r="N7" s="22"/>
      <c r="O7" s="22"/>
    </row>
    <row r="8" spans="1:18">
      <c r="A8" s="79"/>
      <c r="B8" s="21">
        <v>0.50700000000000001</v>
      </c>
      <c r="C8" s="21">
        <v>0.30399999999999999</v>
      </c>
      <c r="D8" s="21">
        <v>0.188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36</v>
      </c>
      <c r="B9" s="24">
        <v>16</v>
      </c>
      <c r="C9" s="24">
        <v>3</v>
      </c>
      <c r="D9" s="24">
        <v>6</v>
      </c>
      <c r="E9" s="24">
        <v>0</v>
      </c>
      <c r="F9" s="24">
        <v>25</v>
      </c>
    </row>
    <row r="10" spans="1:18">
      <c r="A10" s="99"/>
      <c r="B10" s="21">
        <v>0.64</v>
      </c>
      <c r="C10" s="21">
        <v>0.12</v>
      </c>
      <c r="D10" s="21">
        <v>0.24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102" t="s">
        <v>35</v>
      </c>
      <c r="B11" s="24">
        <v>3</v>
      </c>
      <c r="C11" s="24">
        <v>1</v>
      </c>
      <c r="D11" s="24">
        <v>0</v>
      </c>
      <c r="E11" s="24">
        <v>0</v>
      </c>
      <c r="F11" s="24">
        <v>4</v>
      </c>
    </row>
    <row r="12" spans="1:18">
      <c r="A12" s="99"/>
      <c r="B12" s="21">
        <v>0.75</v>
      </c>
      <c r="C12" s="21">
        <v>0.25</v>
      </c>
      <c r="D12" s="21">
        <v>0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95" t="s">
        <v>22</v>
      </c>
      <c r="B13" s="24">
        <v>4</v>
      </c>
      <c r="C13" s="24">
        <v>1</v>
      </c>
      <c r="D13" s="24">
        <v>2</v>
      </c>
      <c r="E13" s="24">
        <v>0</v>
      </c>
      <c r="F13" s="24">
        <v>7</v>
      </c>
    </row>
    <row r="14" spans="1:18">
      <c r="A14" s="99"/>
      <c r="B14" s="21">
        <v>0.57099999999999995</v>
      </c>
      <c r="C14" s="21">
        <v>0.14299999999999999</v>
      </c>
      <c r="D14" s="21">
        <v>0.28599999999999998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 ht="13.9" customHeight="1">
      <c r="A15" s="73" t="s">
        <v>15</v>
      </c>
      <c r="B15" s="20">
        <v>2457</v>
      </c>
      <c r="C15" s="20">
        <v>2666</v>
      </c>
      <c r="D15" s="20">
        <v>934</v>
      </c>
      <c r="E15" s="20">
        <v>13</v>
      </c>
      <c r="F15" s="20">
        <v>6070</v>
      </c>
    </row>
    <row r="16" spans="1:18">
      <c r="A16" s="74"/>
      <c r="B16" s="21">
        <v>0.40500000000000003</v>
      </c>
      <c r="C16" s="21">
        <v>0.439</v>
      </c>
      <c r="D16" s="21">
        <v>0.154</v>
      </c>
      <c r="E16" s="21">
        <v>2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>
      <c r="A17" s="71" t="s">
        <v>261</v>
      </c>
      <c r="B17" s="96"/>
      <c r="C17" s="96"/>
      <c r="D17" s="96"/>
      <c r="E17" s="96"/>
      <c r="F17" s="96"/>
      <c r="K17" s="22"/>
      <c r="L17" s="22"/>
      <c r="M17" s="22"/>
      <c r="N17" s="22"/>
      <c r="O17" s="22"/>
    </row>
    <row r="18" spans="1:16">
      <c r="A18" s="25"/>
      <c r="B18" s="25"/>
      <c r="C18" s="25"/>
      <c r="D18" s="25"/>
      <c r="E18" s="25"/>
      <c r="F18" s="25"/>
      <c r="K18" s="22"/>
      <c r="L18" s="22"/>
      <c r="M18" s="22"/>
      <c r="N18" s="22"/>
      <c r="O18" s="22"/>
      <c r="P18" s="22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4"/>
  <dimension ref="A1:S18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4" width="8.875" style="18" customWidth="1"/>
    <col min="5" max="5" width="11.625" style="18" bestFit="1" customWidth="1"/>
    <col min="6" max="7" width="8.875" style="18" customWidth="1"/>
    <col min="8" max="16384" width="9" style="18"/>
  </cols>
  <sheetData>
    <row r="1" spans="1:19">
      <c r="A1" s="70" t="s">
        <v>451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148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3" t="s">
        <v>33</v>
      </c>
      <c r="B5" s="20">
        <v>1077</v>
      </c>
      <c r="C5" s="20">
        <v>486</v>
      </c>
      <c r="D5" s="20">
        <v>79</v>
      </c>
      <c r="E5" s="20">
        <v>716</v>
      </c>
      <c r="F5" s="20">
        <v>6</v>
      </c>
      <c r="G5" s="20">
        <v>2364</v>
      </c>
    </row>
    <row r="6" spans="1:19">
      <c r="A6" s="77"/>
      <c r="B6" s="21">
        <v>0.45600000000000002</v>
      </c>
      <c r="C6" s="21">
        <v>0.20599999999999999</v>
      </c>
      <c r="D6" s="21">
        <v>3.3000000000000002E-2</v>
      </c>
      <c r="E6" s="21">
        <v>0.30299999999999999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229</v>
      </c>
      <c r="B7" s="24">
        <v>21</v>
      </c>
      <c r="C7" s="24">
        <v>20</v>
      </c>
      <c r="D7" s="24">
        <v>3</v>
      </c>
      <c r="E7" s="24">
        <v>26</v>
      </c>
      <c r="F7" s="24">
        <v>0</v>
      </c>
      <c r="G7" s="20">
        <v>70</v>
      </c>
      <c r="L7" s="22"/>
      <c r="M7" s="22"/>
      <c r="N7" s="22"/>
      <c r="O7" s="22"/>
      <c r="P7" s="22"/>
    </row>
    <row r="8" spans="1:19">
      <c r="A8" s="79"/>
      <c r="B8" s="21">
        <v>0.3</v>
      </c>
      <c r="C8" s="21">
        <v>0.28599999999999998</v>
      </c>
      <c r="D8" s="21">
        <v>4.2999999999999997E-2</v>
      </c>
      <c r="E8" s="21">
        <v>0.371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36</v>
      </c>
      <c r="B9" s="24">
        <v>2</v>
      </c>
      <c r="C9" s="24">
        <v>5</v>
      </c>
      <c r="D9" s="24">
        <v>2</v>
      </c>
      <c r="E9" s="24">
        <v>7</v>
      </c>
      <c r="F9" s="24">
        <v>0</v>
      </c>
      <c r="G9" s="24">
        <v>16</v>
      </c>
    </row>
    <row r="10" spans="1:19">
      <c r="A10" s="99"/>
      <c r="B10" s="21">
        <v>0.125</v>
      </c>
      <c r="C10" s="21">
        <v>0.313</v>
      </c>
      <c r="D10" s="21">
        <v>0.125</v>
      </c>
      <c r="E10" s="21">
        <v>0.438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35</v>
      </c>
      <c r="B11" s="24">
        <v>2</v>
      </c>
      <c r="C11" s="24">
        <v>0</v>
      </c>
      <c r="D11" s="24">
        <v>0</v>
      </c>
      <c r="E11" s="24">
        <v>1</v>
      </c>
      <c r="F11" s="24">
        <v>0</v>
      </c>
      <c r="G11" s="24">
        <v>3</v>
      </c>
    </row>
    <row r="12" spans="1:19">
      <c r="A12" s="99"/>
      <c r="B12" s="21">
        <v>0.66700000000000004</v>
      </c>
      <c r="C12" s="21">
        <v>0</v>
      </c>
      <c r="D12" s="21">
        <v>0</v>
      </c>
      <c r="E12" s="21">
        <v>0.33300000000000002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95" t="s">
        <v>22</v>
      </c>
      <c r="B13" s="24">
        <v>3</v>
      </c>
      <c r="C13" s="24">
        <v>1</v>
      </c>
      <c r="D13" s="24">
        <v>0</v>
      </c>
      <c r="E13" s="24">
        <v>0</v>
      </c>
      <c r="F13" s="24">
        <v>0</v>
      </c>
      <c r="G13" s="24">
        <v>4</v>
      </c>
    </row>
    <row r="14" spans="1:19">
      <c r="A14" s="99"/>
      <c r="B14" s="21">
        <v>0.75</v>
      </c>
      <c r="C14" s="21">
        <v>0.25</v>
      </c>
      <c r="D14" s="21">
        <v>0</v>
      </c>
      <c r="E14" s="21">
        <v>0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s="23" customFormat="1">
      <c r="A15" s="73" t="s">
        <v>15</v>
      </c>
      <c r="B15" s="20">
        <v>1105</v>
      </c>
      <c r="C15" s="20">
        <v>512</v>
      </c>
      <c r="D15" s="20">
        <v>84</v>
      </c>
      <c r="E15" s="20">
        <v>750</v>
      </c>
      <c r="F15" s="20">
        <v>6</v>
      </c>
      <c r="G15" s="20">
        <v>2457</v>
      </c>
    </row>
    <row r="16" spans="1:19">
      <c r="A16" s="74"/>
      <c r="B16" s="21">
        <v>0.45</v>
      </c>
      <c r="C16" s="21">
        <v>0.20799999999999999</v>
      </c>
      <c r="D16" s="21">
        <v>3.4000000000000002E-2</v>
      </c>
      <c r="E16" s="21">
        <v>0.30499999999999999</v>
      </c>
      <c r="F16" s="21">
        <v>2E-3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7">
      <c r="A17" s="71" t="s">
        <v>218</v>
      </c>
      <c r="B17" s="96"/>
      <c r="C17" s="96"/>
      <c r="D17" s="96"/>
      <c r="E17" s="96"/>
      <c r="F17" s="96"/>
      <c r="G17" s="96"/>
      <c r="L17" s="22"/>
      <c r="M17" s="22"/>
      <c r="N17" s="22"/>
      <c r="O17" s="22"/>
      <c r="P17" s="22"/>
    </row>
    <row r="18" spans="1:17">
      <c r="A18" s="25"/>
      <c r="B18" s="25"/>
      <c r="C18" s="25"/>
      <c r="D18" s="25"/>
      <c r="E18" s="25"/>
      <c r="F18" s="25"/>
      <c r="G18" s="25"/>
      <c r="L18" s="22"/>
      <c r="M18" s="22"/>
      <c r="N18" s="22"/>
      <c r="O18" s="22"/>
      <c r="P18" s="22"/>
      <c r="Q18" s="22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5"/>
  <dimension ref="A1:Q16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5" width="8.875" style="18" customWidth="1"/>
    <col min="6" max="16384" width="9" style="18"/>
  </cols>
  <sheetData>
    <row r="1" spans="1:17">
      <c r="A1" s="70" t="s">
        <v>596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48</v>
      </c>
      <c r="B3" s="76" t="s">
        <v>116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152</v>
      </c>
      <c r="B5" s="20">
        <v>356</v>
      </c>
      <c r="C5" s="20">
        <v>234</v>
      </c>
      <c r="D5" s="20">
        <v>5</v>
      </c>
      <c r="E5" s="20">
        <v>595</v>
      </c>
    </row>
    <row r="6" spans="1:17">
      <c r="A6" s="77"/>
      <c r="B6" s="21">
        <v>0.59799999999999998</v>
      </c>
      <c r="C6" s="21">
        <v>0.39300000000000002</v>
      </c>
      <c r="D6" s="21">
        <v>8.000000000000000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153</v>
      </c>
      <c r="B7" s="20">
        <v>2250</v>
      </c>
      <c r="C7" s="20">
        <v>1641</v>
      </c>
      <c r="D7" s="20">
        <v>18</v>
      </c>
      <c r="E7" s="20">
        <v>3909</v>
      </c>
    </row>
    <row r="8" spans="1:17">
      <c r="A8" s="79"/>
      <c r="B8" s="21">
        <v>0.57599999999999996</v>
      </c>
      <c r="C8" s="21">
        <v>0.42</v>
      </c>
      <c r="D8" s="21">
        <v>5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145</v>
      </c>
      <c r="B9" s="24">
        <v>447</v>
      </c>
      <c r="C9" s="24">
        <v>369</v>
      </c>
      <c r="D9" s="24">
        <v>6</v>
      </c>
      <c r="E9" s="24">
        <v>822</v>
      </c>
    </row>
    <row r="10" spans="1:17">
      <c r="A10" s="99"/>
      <c r="B10" s="21">
        <v>0.54400000000000004</v>
      </c>
      <c r="C10" s="21">
        <v>0.44900000000000001</v>
      </c>
      <c r="D10" s="21">
        <v>7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319</v>
      </c>
      <c r="C11" s="24">
        <v>248</v>
      </c>
      <c r="D11" s="24">
        <v>3</v>
      </c>
      <c r="E11" s="24">
        <v>570</v>
      </c>
    </row>
    <row r="12" spans="1:17">
      <c r="A12" s="99"/>
      <c r="B12" s="21">
        <v>0.56000000000000005</v>
      </c>
      <c r="C12" s="21">
        <v>0.435</v>
      </c>
      <c r="D12" s="21">
        <v>5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3372</v>
      </c>
      <c r="C13" s="20">
        <v>2492</v>
      </c>
      <c r="D13" s="20">
        <v>32</v>
      </c>
      <c r="E13" s="20">
        <v>5896</v>
      </c>
    </row>
    <row r="14" spans="1:17">
      <c r="A14" s="74"/>
      <c r="B14" s="21">
        <v>0.57199999999999995</v>
      </c>
      <c r="C14" s="21">
        <v>0.42299999999999999</v>
      </c>
      <c r="D14" s="21">
        <v>5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71" t="s">
        <v>45</v>
      </c>
      <c r="B15" s="96"/>
      <c r="C15" s="96"/>
      <c r="D15" s="96"/>
      <c r="E15" s="96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  <c r="J16" s="22"/>
      <c r="K16" s="22"/>
      <c r="L16" s="22"/>
      <c r="M16" s="22"/>
      <c r="N16" s="22"/>
      <c r="O16" s="22"/>
    </row>
  </sheetData>
  <mergeCells count="9">
    <mergeCell ref="A9:A10"/>
    <mergeCell ref="A11:A12"/>
    <mergeCell ref="A13:A14"/>
    <mergeCell ref="A15:E15"/>
    <mergeCell ref="A1:E1"/>
    <mergeCell ref="A3:A4"/>
    <mergeCell ref="B3:E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6"/>
  <dimension ref="A1:Q16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2" width="17.125" style="18" bestFit="1" customWidth="1"/>
    <col min="3" max="3" width="23.25" style="18" bestFit="1" customWidth="1"/>
    <col min="4" max="5" width="8.875" style="18" customWidth="1"/>
    <col min="6" max="16384" width="9" style="18"/>
  </cols>
  <sheetData>
    <row r="1" spans="1:17">
      <c r="A1" s="70" t="s">
        <v>597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49</v>
      </c>
      <c r="B3" s="76" t="s">
        <v>117</v>
      </c>
      <c r="C3" s="76"/>
      <c r="D3" s="76"/>
      <c r="E3" s="76"/>
    </row>
    <row r="4" spans="1:17" ht="28.5">
      <c r="A4" s="84"/>
      <c r="B4" s="11" t="s">
        <v>187</v>
      </c>
      <c r="C4" s="11" t="s">
        <v>188</v>
      </c>
      <c r="D4" s="11" t="s">
        <v>22</v>
      </c>
      <c r="E4" s="11" t="s">
        <v>15</v>
      </c>
    </row>
    <row r="5" spans="1:17">
      <c r="A5" s="73" t="s">
        <v>152</v>
      </c>
      <c r="B5" s="20">
        <v>379</v>
      </c>
      <c r="C5" s="20">
        <v>216</v>
      </c>
      <c r="D5" s="20">
        <v>0</v>
      </c>
      <c r="E5" s="20">
        <v>595</v>
      </c>
    </row>
    <row r="6" spans="1:17">
      <c r="A6" s="77"/>
      <c r="B6" s="21">
        <v>0.63700000000000001</v>
      </c>
      <c r="C6" s="21">
        <v>0.36299999999999999</v>
      </c>
      <c r="D6" s="21">
        <v>0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153</v>
      </c>
      <c r="B7" s="20">
        <v>2568</v>
      </c>
      <c r="C7" s="20">
        <v>1338</v>
      </c>
      <c r="D7" s="20">
        <v>3</v>
      </c>
      <c r="E7" s="20">
        <v>3909</v>
      </c>
    </row>
    <row r="8" spans="1:17">
      <c r="A8" s="79"/>
      <c r="B8" s="21">
        <v>0.65700000000000003</v>
      </c>
      <c r="C8" s="21">
        <v>0.34200000000000003</v>
      </c>
      <c r="D8" s="21">
        <v>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145</v>
      </c>
      <c r="B9" s="24">
        <v>608</v>
      </c>
      <c r="C9" s="24">
        <v>213</v>
      </c>
      <c r="D9" s="24">
        <v>1</v>
      </c>
      <c r="E9" s="24">
        <v>822</v>
      </c>
    </row>
    <row r="10" spans="1:17">
      <c r="A10" s="99"/>
      <c r="B10" s="21">
        <v>0.74</v>
      </c>
      <c r="C10" s="21">
        <v>0.25900000000000001</v>
      </c>
      <c r="D10" s="21">
        <v>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402</v>
      </c>
      <c r="C11" s="24">
        <v>167</v>
      </c>
      <c r="D11" s="24">
        <v>1</v>
      </c>
      <c r="E11" s="24">
        <v>570</v>
      </c>
    </row>
    <row r="12" spans="1:17">
      <c r="A12" s="99"/>
      <c r="B12" s="21">
        <v>0.70499999999999996</v>
      </c>
      <c r="C12" s="21">
        <v>0.29299999999999998</v>
      </c>
      <c r="D12" s="21">
        <v>2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3957</v>
      </c>
      <c r="C13" s="20">
        <v>1934</v>
      </c>
      <c r="D13" s="20">
        <v>5</v>
      </c>
      <c r="E13" s="20">
        <v>5896</v>
      </c>
    </row>
    <row r="14" spans="1:17">
      <c r="A14" s="74"/>
      <c r="B14" s="21">
        <v>0.67100000000000004</v>
      </c>
      <c r="C14" s="21">
        <v>0.32800000000000001</v>
      </c>
      <c r="D14" s="21">
        <v>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71" t="s">
        <v>213</v>
      </c>
      <c r="B15" s="96"/>
      <c r="C15" s="96"/>
      <c r="D15" s="96"/>
      <c r="E15" s="96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  <c r="J16" s="22"/>
      <c r="K16" s="22"/>
      <c r="L16" s="22"/>
      <c r="M16" s="22"/>
      <c r="N16" s="22"/>
      <c r="O16" s="2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7"/>
  <dimension ref="A1:R16"/>
  <sheetViews>
    <sheetView workbookViewId="0">
      <selection activeCell="A2" sqref="A2"/>
    </sheetView>
  </sheetViews>
  <sheetFormatPr defaultColWidth="9" defaultRowHeight="14.25"/>
  <cols>
    <col min="1" max="3" width="13.875" style="18" bestFit="1" customWidth="1"/>
    <col min="4" max="4" width="9.5" style="18" bestFit="1" customWidth="1"/>
    <col min="5" max="6" width="8.875" style="18" customWidth="1"/>
    <col min="7" max="16384" width="9" style="18"/>
  </cols>
  <sheetData>
    <row r="1" spans="1:18">
      <c r="A1" s="70" t="s">
        <v>452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9</v>
      </c>
      <c r="B3" s="76" t="s">
        <v>118</v>
      </c>
      <c r="C3" s="76"/>
      <c r="D3" s="76"/>
      <c r="E3" s="76"/>
      <c r="F3" s="76"/>
    </row>
    <row r="4" spans="1:18">
      <c r="A4" s="84"/>
      <c r="B4" s="11" t="s">
        <v>52</v>
      </c>
      <c r="C4" s="11" t="s">
        <v>53</v>
      </c>
      <c r="D4" s="11" t="s">
        <v>54</v>
      </c>
      <c r="E4" s="11" t="s">
        <v>22</v>
      </c>
      <c r="F4" s="11" t="s">
        <v>15</v>
      </c>
    </row>
    <row r="5" spans="1:18">
      <c r="A5" s="73" t="s">
        <v>152</v>
      </c>
      <c r="B5" s="20">
        <v>40</v>
      </c>
      <c r="C5" s="20">
        <v>220</v>
      </c>
      <c r="D5" s="20">
        <v>335</v>
      </c>
      <c r="E5" s="20">
        <v>0</v>
      </c>
      <c r="F5" s="20">
        <v>595</v>
      </c>
    </row>
    <row r="6" spans="1:18">
      <c r="A6" s="77"/>
      <c r="B6" s="21">
        <v>6.7000000000000004E-2</v>
      </c>
      <c r="C6" s="21">
        <v>0.37</v>
      </c>
      <c r="D6" s="21">
        <v>0.56299999999999994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153</v>
      </c>
      <c r="B7" s="20">
        <v>322</v>
      </c>
      <c r="C7" s="20">
        <v>1806</v>
      </c>
      <c r="D7" s="20">
        <v>1779</v>
      </c>
      <c r="E7" s="20">
        <v>2</v>
      </c>
      <c r="F7" s="20">
        <v>3909</v>
      </c>
    </row>
    <row r="8" spans="1:18">
      <c r="A8" s="79"/>
      <c r="B8" s="21">
        <v>8.2000000000000003E-2</v>
      </c>
      <c r="C8" s="21">
        <v>0.46200000000000002</v>
      </c>
      <c r="D8" s="21">
        <v>0.45500000000000002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145</v>
      </c>
      <c r="B9" s="24">
        <v>131</v>
      </c>
      <c r="C9" s="24">
        <v>404</v>
      </c>
      <c r="D9" s="24">
        <v>286</v>
      </c>
      <c r="E9" s="24">
        <v>1</v>
      </c>
      <c r="F9" s="24">
        <v>822</v>
      </c>
    </row>
    <row r="10" spans="1:18">
      <c r="A10" s="99"/>
      <c r="B10" s="21">
        <v>0.159</v>
      </c>
      <c r="C10" s="21">
        <v>0.49099999999999999</v>
      </c>
      <c r="D10" s="21">
        <v>0.34799999999999998</v>
      </c>
      <c r="E10" s="21">
        <v>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54</v>
      </c>
      <c r="C11" s="24">
        <v>247</v>
      </c>
      <c r="D11" s="24">
        <v>269</v>
      </c>
      <c r="E11" s="24">
        <v>0</v>
      </c>
      <c r="F11" s="24">
        <v>570</v>
      </c>
    </row>
    <row r="12" spans="1:18">
      <c r="A12" s="99"/>
      <c r="B12" s="21">
        <v>9.5000000000000001E-2</v>
      </c>
      <c r="C12" s="21">
        <v>0.433</v>
      </c>
      <c r="D12" s="21">
        <v>0.47199999999999998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547</v>
      </c>
      <c r="C13" s="20">
        <v>2677</v>
      </c>
      <c r="D13" s="20">
        <v>2669</v>
      </c>
      <c r="E13" s="20">
        <v>3</v>
      </c>
      <c r="F13" s="20">
        <v>5896</v>
      </c>
    </row>
    <row r="14" spans="1:18">
      <c r="A14" s="74"/>
      <c r="B14" s="21">
        <v>9.2999999999999999E-2</v>
      </c>
      <c r="C14" s="21">
        <v>0.45400000000000001</v>
      </c>
      <c r="D14" s="21">
        <v>0.45300000000000001</v>
      </c>
      <c r="E14" s="21">
        <v>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80" t="s">
        <v>58</v>
      </c>
      <c r="B15" s="98"/>
      <c r="C15" s="98"/>
      <c r="D15" s="98"/>
      <c r="E15" s="98"/>
      <c r="F15" s="98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8"/>
  <dimension ref="A1:T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8" width="9" style="18" customWidth="1"/>
    <col min="9" max="16384" width="9" style="18"/>
  </cols>
  <sheetData>
    <row r="1" spans="1:20">
      <c r="A1" s="70" t="s">
        <v>453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84" t="s">
        <v>241</v>
      </c>
      <c r="B3" s="76" t="s">
        <v>119</v>
      </c>
      <c r="C3" s="76"/>
      <c r="D3" s="76"/>
      <c r="E3" s="76"/>
      <c r="F3" s="76"/>
      <c r="G3" s="76"/>
      <c r="H3" s="76"/>
    </row>
    <row r="4" spans="1:20" ht="42.75">
      <c r="A4" s="84"/>
      <c r="B4" s="11" t="s">
        <v>234</v>
      </c>
      <c r="C4" s="11" t="s">
        <v>235</v>
      </c>
      <c r="D4" s="11" t="s">
        <v>236</v>
      </c>
      <c r="E4" s="11" t="s">
        <v>237</v>
      </c>
      <c r="F4" s="11" t="s">
        <v>191</v>
      </c>
      <c r="G4" s="11" t="s">
        <v>22</v>
      </c>
      <c r="H4" s="11" t="s">
        <v>15</v>
      </c>
    </row>
    <row r="5" spans="1:20">
      <c r="A5" s="73" t="s">
        <v>152</v>
      </c>
      <c r="B5" s="20">
        <v>45</v>
      </c>
      <c r="C5" s="20">
        <v>135</v>
      </c>
      <c r="D5" s="20">
        <v>100</v>
      </c>
      <c r="E5" s="20">
        <v>219</v>
      </c>
      <c r="F5" s="20">
        <v>95</v>
      </c>
      <c r="G5" s="20">
        <v>1</v>
      </c>
      <c r="H5" s="20">
        <v>595</v>
      </c>
    </row>
    <row r="6" spans="1:20">
      <c r="A6" s="77"/>
      <c r="B6" s="21">
        <v>7.5999999999999998E-2</v>
      </c>
      <c r="C6" s="21">
        <v>0.22700000000000001</v>
      </c>
      <c r="D6" s="21">
        <v>0.16800000000000001</v>
      </c>
      <c r="E6" s="21">
        <v>0.36799999999999999</v>
      </c>
      <c r="F6" s="21">
        <v>0.16</v>
      </c>
      <c r="G6" s="21">
        <v>2E-3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 s="23" customFormat="1">
      <c r="A7" s="78" t="s">
        <v>153</v>
      </c>
      <c r="B7" s="20">
        <v>362</v>
      </c>
      <c r="C7" s="20">
        <v>969</v>
      </c>
      <c r="D7" s="20">
        <v>770</v>
      </c>
      <c r="E7" s="20">
        <v>1190</v>
      </c>
      <c r="F7" s="20">
        <v>618</v>
      </c>
      <c r="G7" s="20">
        <v>0</v>
      </c>
      <c r="H7" s="20">
        <v>3909</v>
      </c>
    </row>
    <row r="8" spans="1:20">
      <c r="A8" s="79"/>
      <c r="B8" s="21">
        <v>9.2999999999999999E-2</v>
      </c>
      <c r="C8" s="21">
        <v>0.248</v>
      </c>
      <c r="D8" s="21">
        <v>0.19700000000000001</v>
      </c>
      <c r="E8" s="21">
        <v>0.30399999999999999</v>
      </c>
      <c r="F8" s="21">
        <v>0.158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95" t="s">
        <v>145</v>
      </c>
      <c r="B9" s="24">
        <v>123</v>
      </c>
      <c r="C9" s="24">
        <v>235</v>
      </c>
      <c r="D9" s="24">
        <v>143</v>
      </c>
      <c r="E9" s="24">
        <v>190</v>
      </c>
      <c r="F9" s="24">
        <v>131</v>
      </c>
      <c r="G9" s="24">
        <v>0</v>
      </c>
      <c r="H9" s="24">
        <v>822</v>
      </c>
    </row>
    <row r="10" spans="1:20">
      <c r="A10" s="99"/>
      <c r="B10" s="21">
        <v>0.15</v>
      </c>
      <c r="C10" s="21">
        <v>0.28599999999999998</v>
      </c>
      <c r="D10" s="21">
        <v>0.17399999999999999</v>
      </c>
      <c r="E10" s="21">
        <v>0.23100000000000001</v>
      </c>
      <c r="F10" s="21">
        <v>0.159</v>
      </c>
      <c r="G10" s="21">
        <v>0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>
      <c r="A11" s="95" t="s">
        <v>22</v>
      </c>
      <c r="B11" s="24">
        <v>72</v>
      </c>
      <c r="C11" s="24">
        <v>153</v>
      </c>
      <c r="D11" s="24">
        <v>91</v>
      </c>
      <c r="E11" s="24">
        <v>158</v>
      </c>
      <c r="F11" s="24">
        <v>95</v>
      </c>
      <c r="G11" s="24">
        <v>1</v>
      </c>
      <c r="H11" s="24">
        <v>570</v>
      </c>
    </row>
    <row r="12" spans="1:20">
      <c r="A12" s="99"/>
      <c r="B12" s="21">
        <v>0.126</v>
      </c>
      <c r="C12" s="21">
        <v>0.26800000000000002</v>
      </c>
      <c r="D12" s="21">
        <v>0.16</v>
      </c>
      <c r="E12" s="21">
        <v>0.27700000000000002</v>
      </c>
      <c r="F12" s="21">
        <v>0.16700000000000001</v>
      </c>
      <c r="G12" s="21">
        <v>2E-3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 s="23" customFormat="1">
      <c r="A13" s="73" t="s">
        <v>15</v>
      </c>
      <c r="B13" s="20">
        <v>602</v>
      </c>
      <c r="C13" s="20">
        <v>1492</v>
      </c>
      <c r="D13" s="20">
        <v>1104</v>
      </c>
      <c r="E13" s="20">
        <v>1757</v>
      </c>
      <c r="F13" s="20">
        <v>939</v>
      </c>
      <c r="G13" s="20">
        <v>2</v>
      </c>
      <c r="H13" s="20">
        <v>5896</v>
      </c>
    </row>
    <row r="14" spans="1:20">
      <c r="A14" s="74"/>
      <c r="B14" s="21">
        <v>0.10199999999999999</v>
      </c>
      <c r="C14" s="21">
        <v>0.253</v>
      </c>
      <c r="D14" s="21">
        <v>0.187</v>
      </c>
      <c r="E14" s="21">
        <v>0.29799999999999999</v>
      </c>
      <c r="F14" s="21">
        <v>0.159</v>
      </c>
      <c r="G14" s="21">
        <v>0</v>
      </c>
      <c r="H14" s="21">
        <v>1</v>
      </c>
      <c r="M14" s="22"/>
      <c r="N14" s="22"/>
      <c r="O14" s="22"/>
      <c r="P14" s="22"/>
      <c r="Q14" s="22"/>
      <c r="R14" s="22"/>
      <c r="S14" s="22"/>
      <c r="T14" s="22"/>
    </row>
    <row r="15" spans="1:20">
      <c r="A15" s="80" t="s">
        <v>238</v>
      </c>
      <c r="B15" s="98"/>
      <c r="C15" s="98"/>
      <c r="D15" s="98"/>
      <c r="E15" s="98"/>
      <c r="F15" s="98"/>
      <c r="G15" s="98"/>
      <c r="H15" s="98"/>
      <c r="M15" s="22"/>
      <c r="N15" s="22"/>
      <c r="O15" s="22"/>
      <c r="P15" s="22"/>
      <c r="Q15" s="22"/>
    </row>
    <row r="16" spans="1:20">
      <c r="A16" s="25"/>
      <c r="B16" s="25"/>
      <c r="C16" s="25"/>
      <c r="D16" s="25"/>
      <c r="E16" s="25"/>
      <c r="F16" s="25"/>
      <c r="G16" s="25"/>
      <c r="H16" s="25"/>
      <c r="M16" s="22"/>
      <c r="N16" s="22"/>
      <c r="O16" s="22"/>
      <c r="P16" s="22"/>
      <c r="Q16" s="22"/>
      <c r="R16" s="22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9"/>
  <dimension ref="A1:S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4" width="9" style="18" customWidth="1"/>
    <col min="5" max="5" width="13.875" style="18" bestFit="1" customWidth="1"/>
    <col min="6" max="7" width="9" style="18" customWidth="1"/>
    <col min="8" max="16384" width="9" style="18"/>
  </cols>
  <sheetData>
    <row r="1" spans="1:19">
      <c r="A1" s="70" t="s">
        <v>454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1</v>
      </c>
      <c r="B3" s="76" t="s">
        <v>120</v>
      </c>
      <c r="C3" s="76"/>
      <c r="D3" s="76"/>
      <c r="E3" s="76"/>
      <c r="F3" s="76"/>
      <c r="G3" s="76"/>
    </row>
    <row r="4" spans="1:19" ht="42.75">
      <c r="A4" s="84"/>
      <c r="B4" s="11" t="s">
        <v>69</v>
      </c>
      <c r="C4" s="11" t="s">
        <v>215</v>
      </c>
      <c r="D4" s="11" t="s">
        <v>54</v>
      </c>
      <c r="E4" s="11" t="s">
        <v>190</v>
      </c>
      <c r="F4" s="11" t="s">
        <v>22</v>
      </c>
      <c r="G4" s="11" t="s">
        <v>15</v>
      </c>
    </row>
    <row r="5" spans="1:19">
      <c r="A5" s="73" t="s">
        <v>152</v>
      </c>
      <c r="B5" s="20">
        <v>214</v>
      </c>
      <c r="C5" s="20">
        <v>56</v>
      </c>
      <c r="D5" s="20">
        <v>49</v>
      </c>
      <c r="E5" s="20">
        <v>275</v>
      </c>
      <c r="F5" s="20">
        <v>1</v>
      </c>
      <c r="G5" s="20">
        <v>595</v>
      </c>
    </row>
    <row r="6" spans="1:19">
      <c r="A6" s="77"/>
      <c r="B6" s="21">
        <v>0.36</v>
      </c>
      <c r="C6" s="21">
        <v>9.4E-2</v>
      </c>
      <c r="D6" s="21">
        <v>8.2000000000000003E-2</v>
      </c>
      <c r="E6" s="21">
        <v>0.46200000000000002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8" t="s">
        <v>153</v>
      </c>
      <c r="B7" s="20">
        <v>1553</v>
      </c>
      <c r="C7" s="20">
        <v>327</v>
      </c>
      <c r="D7" s="20">
        <v>226</v>
      </c>
      <c r="E7" s="20">
        <v>1798</v>
      </c>
      <c r="F7" s="20">
        <v>5</v>
      </c>
      <c r="G7" s="20">
        <v>3909</v>
      </c>
    </row>
    <row r="8" spans="1:19">
      <c r="A8" s="79"/>
      <c r="B8" s="21">
        <v>0.39700000000000002</v>
      </c>
      <c r="C8" s="21">
        <v>8.4000000000000005E-2</v>
      </c>
      <c r="D8" s="21">
        <v>5.8000000000000003E-2</v>
      </c>
      <c r="E8" s="21">
        <v>0.46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145</v>
      </c>
      <c r="B9" s="24">
        <v>368</v>
      </c>
      <c r="C9" s="24">
        <v>77</v>
      </c>
      <c r="D9" s="24">
        <v>43</v>
      </c>
      <c r="E9" s="24">
        <v>331</v>
      </c>
      <c r="F9" s="24">
        <v>3</v>
      </c>
      <c r="G9" s="24">
        <v>822</v>
      </c>
    </row>
    <row r="10" spans="1:19">
      <c r="A10" s="99"/>
      <c r="B10" s="21">
        <v>0.44800000000000001</v>
      </c>
      <c r="C10" s="21">
        <v>9.4E-2</v>
      </c>
      <c r="D10" s="21">
        <v>5.1999999999999998E-2</v>
      </c>
      <c r="E10" s="21">
        <v>0.40300000000000002</v>
      </c>
      <c r="F10" s="21">
        <v>4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232</v>
      </c>
      <c r="C11" s="24">
        <v>57</v>
      </c>
      <c r="D11" s="24">
        <v>34</v>
      </c>
      <c r="E11" s="24">
        <v>244</v>
      </c>
      <c r="F11" s="24">
        <v>3</v>
      </c>
      <c r="G11" s="24">
        <v>570</v>
      </c>
    </row>
    <row r="12" spans="1:19">
      <c r="A12" s="99"/>
      <c r="B12" s="21">
        <v>0.40699999999999997</v>
      </c>
      <c r="C12" s="21">
        <v>0.1</v>
      </c>
      <c r="D12" s="21">
        <v>0.06</v>
      </c>
      <c r="E12" s="21">
        <v>0.42799999999999999</v>
      </c>
      <c r="F12" s="21">
        <v>5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2367</v>
      </c>
      <c r="C13" s="20">
        <v>517</v>
      </c>
      <c r="D13" s="20">
        <v>352</v>
      </c>
      <c r="E13" s="20">
        <v>2648</v>
      </c>
      <c r="F13" s="20">
        <v>12</v>
      </c>
      <c r="G13" s="20">
        <v>5896</v>
      </c>
    </row>
    <row r="14" spans="1:19">
      <c r="A14" s="74"/>
      <c r="B14" s="21">
        <v>0.40100000000000002</v>
      </c>
      <c r="C14" s="21">
        <v>8.7999999999999995E-2</v>
      </c>
      <c r="D14" s="21">
        <v>0.06</v>
      </c>
      <c r="E14" s="21">
        <v>0.44900000000000001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ht="14.25" customHeight="1">
      <c r="A15" s="80" t="s">
        <v>71</v>
      </c>
      <c r="B15" s="80"/>
      <c r="C15" s="80"/>
      <c r="D15" s="80"/>
      <c r="E15" s="80"/>
      <c r="F15" s="80"/>
      <c r="G15" s="80"/>
      <c r="L15" s="22"/>
      <c r="M15" s="22"/>
      <c r="N15" s="22"/>
      <c r="O15" s="22"/>
      <c r="P15" s="22"/>
    </row>
    <row r="16" spans="1:19">
      <c r="A16" s="86"/>
      <c r="B16" s="86"/>
      <c r="C16" s="86"/>
      <c r="D16" s="86"/>
      <c r="E16" s="86"/>
      <c r="F16" s="86"/>
      <c r="G16" s="86"/>
      <c r="L16" s="22"/>
      <c r="M16" s="22"/>
      <c r="N16" s="22"/>
      <c r="O16" s="22"/>
      <c r="P16" s="22"/>
      <c r="Q16" s="22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0"/>
  <dimension ref="A1:R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55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1</v>
      </c>
      <c r="B3" s="76" t="s">
        <v>154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>
      <c r="A5" s="73" t="s">
        <v>152</v>
      </c>
      <c r="B5" s="20">
        <v>142</v>
      </c>
      <c r="C5" s="20">
        <v>269</v>
      </c>
      <c r="D5" s="20">
        <v>183</v>
      </c>
      <c r="E5" s="20">
        <v>1</v>
      </c>
      <c r="F5" s="20">
        <v>595</v>
      </c>
    </row>
    <row r="6" spans="1:18">
      <c r="A6" s="77"/>
      <c r="B6" s="21">
        <v>0.23899999999999999</v>
      </c>
      <c r="C6" s="21">
        <v>0.45200000000000001</v>
      </c>
      <c r="D6" s="21">
        <v>0.308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153</v>
      </c>
      <c r="B7" s="20">
        <v>1050</v>
      </c>
      <c r="C7" s="20">
        <v>1406</v>
      </c>
      <c r="D7" s="20">
        <v>1448</v>
      </c>
      <c r="E7" s="20">
        <v>5</v>
      </c>
      <c r="F7" s="20">
        <v>3909</v>
      </c>
    </row>
    <row r="8" spans="1:18">
      <c r="A8" s="79"/>
      <c r="B8" s="21">
        <v>0.26900000000000002</v>
      </c>
      <c r="C8" s="21">
        <v>0.36</v>
      </c>
      <c r="D8" s="21">
        <v>0.37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145</v>
      </c>
      <c r="B9" s="24">
        <v>260</v>
      </c>
      <c r="C9" s="24">
        <v>228</v>
      </c>
      <c r="D9" s="24">
        <v>333</v>
      </c>
      <c r="E9" s="24">
        <v>1</v>
      </c>
      <c r="F9" s="24">
        <v>822</v>
      </c>
    </row>
    <row r="10" spans="1:18">
      <c r="A10" s="99"/>
      <c r="B10" s="21">
        <v>0.316</v>
      </c>
      <c r="C10" s="21">
        <v>0.27700000000000002</v>
      </c>
      <c r="D10" s="21">
        <v>0.40500000000000003</v>
      </c>
      <c r="E10" s="21">
        <v>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169</v>
      </c>
      <c r="C11" s="24">
        <v>165</v>
      </c>
      <c r="D11" s="24">
        <v>235</v>
      </c>
      <c r="E11" s="24">
        <v>1</v>
      </c>
      <c r="F11" s="24">
        <v>570</v>
      </c>
    </row>
    <row r="12" spans="1:18">
      <c r="A12" s="99"/>
      <c r="B12" s="21">
        <v>0.29599999999999999</v>
      </c>
      <c r="C12" s="21">
        <v>0.28899999999999998</v>
      </c>
      <c r="D12" s="21">
        <v>0.41199999999999998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1621</v>
      </c>
      <c r="C13" s="20">
        <v>2068</v>
      </c>
      <c r="D13" s="20">
        <v>2199</v>
      </c>
      <c r="E13" s="20">
        <v>8</v>
      </c>
      <c r="F13" s="20">
        <v>5896</v>
      </c>
    </row>
    <row r="14" spans="1:18">
      <c r="A14" s="74"/>
      <c r="B14" s="21">
        <v>0.27500000000000002</v>
      </c>
      <c r="C14" s="21">
        <v>0.35099999999999998</v>
      </c>
      <c r="D14" s="21">
        <v>0.373</v>
      </c>
      <c r="E14" s="21">
        <v>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31.5" customHeight="1">
      <c r="A15" s="71" t="s">
        <v>75</v>
      </c>
      <c r="B15" s="96"/>
      <c r="C15" s="96"/>
      <c r="D15" s="96"/>
      <c r="E15" s="96"/>
      <c r="F15" s="96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1"/>
  <dimension ref="A1:R16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3" width="8.875" style="18" customWidth="1"/>
    <col min="4" max="4" width="11.625" style="18" bestFit="1" customWidth="1"/>
    <col min="5" max="6" width="8.875" style="18" customWidth="1"/>
    <col min="7" max="16384" width="9" style="18"/>
  </cols>
  <sheetData>
    <row r="1" spans="1:18">
      <c r="A1" s="70" t="s">
        <v>456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9</v>
      </c>
      <c r="B3" s="76" t="s">
        <v>122</v>
      </c>
      <c r="C3" s="76"/>
      <c r="D3" s="76"/>
      <c r="E3" s="76"/>
      <c r="F3" s="76"/>
    </row>
    <row r="4" spans="1:18">
      <c r="A4" s="84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8">
      <c r="A5" s="73" t="s">
        <v>152</v>
      </c>
      <c r="B5" s="20">
        <v>301</v>
      </c>
      <c r="C5" s="20">
        <v>57</v>
      </c>
      <c r="D5" s="20">
        <v>235</v>
      </c>
      <c r="E5" s="20">
        <v>2</v>
      </c>
      <c r="F5" s="20">
        <v>595</v>
      </c>
    </row>
    <row r="6" spans="1:18">
      <c r="A6" s="77"/>
      <c r="B6" s="21">
        <v>0.50600000000000001</v>
      </c>
      <c r="C6" s="21">
        <v>9.6000000000000002E-2</v>
      </c>
      <c r="D6" s="21">
        <v>0.39500000000000002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153</v>
      </c>
      <c r="B7" s="20">
        <v>2148</v>
      </c>
      <c r="C7" s="20">
        <v>283</v>
      </c>
      <c r="D7" s="20">
        <v>1467</v>
      </c>
      <c r="E7" s="20">
        <v>11</v>
      </c>
      <c r="F7" s="20">
        <v>3909</v>
      </c>
    </row>
    <row r="8" spans="1:18">
      <c r="A8" s="79"/>
      <c r="B8" s="21">
        <v>0.55000000000000004</v>
      </c>
      <c r="C8" s="21">
        <v>7.1999999999999995E-2</v>
      </c>
      <c r="D8" s="21">
        <v>0.375</v>
      </c>
      <c r="E8" s="21">
        <v>3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145</v>
      </c>
      <c r="B9" s="24">
        <v>456</v>
      </c>
      <c r="C9" s="24">
        <v>58</v>
      </c>
      <c r="D9" s="24">
        <v>304</v>
      </c>
      <c r="E9" s="24">
        <v>4</v>
      </c>
      <c r="F9" s="24">
        <v>822</v>
      </c>
    </row>
    <row r="10" spans="1:18">
      <c r="A10" s="99"/>
      <c r="B10" s="21">
        <v>0.55500000000000005</v>
      </c>
      <c r="C10" s="21">
        <v>7.0999999999999994E-2</v>
      </c>
      <c r="D10" s="21">
        <v>0.37</v>
      </c>
      <c r="E10" s="21">
        <v>5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284</v>
      </c>
      <c r="C11" s="24">
        <v>54</v>
      </c>
      <c r="D11" s="24">
        <v>229</v>
      </c>
      <c r="E11" s="24">
        <v>3</v>
      </c>
      <c r="F11" s="24">
        <v>570</v>
      </c>
    </row>
    <row r="12" spans="1:18">
      <c r="A12" s="99"/>
      <c r="B12" s="21">
        <v>0.498</v>
      </c>
      <c r="C12" s="21">
        <v>9.5000000000000001E-2</v>
      </c>
      <c r="D12" s="21">
        <v>0.40200000000000002</v>
      </c>
      <c r="E12" s="21">
        <v>5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3189</v>
      </c>
      <c r="C13" s="20">
        <v>452</v>
      </c>
      <c r="D13" s="20">
        <v>2235</v>
      </c>
      <c r="E13" s="20">
        <v>20</v>
      </c>
      <c r="F13" s="20">
        <v>5896</v>
      </c>
    </row>
    <row r="14" spans="1:18">
      <c r="A14" s="74"/>
      <c r="B14" s="21">
        <v>0.54100000000000004</v>
      </c>
      <c r="C14" s="21">
        <v>7.6999999999999999E-2</v>
      </c>
      <c r="D14" s="21">
        <v>0.379</v>
      </c>
      <c r="E14" s="21">
        <v>3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29.25" customHeight="1">
      <c r="A15" s="80" t="s">
        <v>239</v>
      </c>
      <c r="B15" s="98"/>
      <c r="C15" s="98"/>
      <c r="D15" s="98"/>
      <c r="E15" s="98"/>
      <c r="F15" s="98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2"/>
  <dimension ref="A1:Q16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5" width="8.875" style="18" customWidth="1"/>
    <col min="6" max="16384" width="9" style="18"/>
  </cols>
  <sheetData>
    <row r="1" spans="1:17">
      <c r="A1" s="70" t="s">
        <v>457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48</v>
      </c>
      <c r="B3" s="76" t="s">
        <v>123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152</v>
      </c>
      <c r="B5" s="20">
        <v>556</v>
      </c>
      <c r="C5" s="20">
        <v>37</v>
      </c>
      <c r="D5" s="20">
        <v>2</v>
      </c>
      <c r="E5" s="20">
        <v>595</v>
      </c>
    </row>
    <row r="6" spans="1:17">
      <c r="A6" s="77"/>
      <c r="B6" s="21">
        <v>0.93400000000000005</v>
      </c>
      <c r="C6" s="21">
        <v>6.2E-2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153</v>
      </c>
      <c r="B7" s="20">
        <v>3671</v>
      </c>
      <c r="C7" s="20">
        <v>232</v>
      </c>
      <c r="D7" s="20">
        <v>6</v>
      </c>
      <c r="E7" s="20">
        <v>3909</v>
      </c>
    </row>
    <row r="8" spans="1:17">
      <c r="A8" s="79"/>
      <c r="B8" s="21">
        <v>0.93899999999999995</v>
      </c>
      <c r="C8" s="21">
        <v>5.8999999999999997E-2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145</v>
      </c>
      <c r="B9" s="24">
        <v>779</v>
      </c>
      <c r="C9" s="24">
        <v>39</v>
      </c>
      <c r="D9" s="24">
        <v>4</v>
      </c>
      <c r="E9" s="24">
        <v>822</v>
      </c>
    </row>
    <row r="10" spans="1:17">
      <c r="A10" s="99"/>
      <c r="B10" s="21">
        <v>0.94799999999999995</v>
      </c>
      <c r="C10" s="21">
        <v>4.7E-2</v>
      </c>
      <c r="D10" s="21">
        <v>5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508</v>
      </c>
      <c r="C11" s="24">
        <v>58</v>
      </c>
      <c r="D11" s="24">
        <v>4</v>
      </c>
      <c r="E11" s="24">
        <v>570</v>
      </c>
    </row>
    <row r="12" spans="1:17">
      <c r="A12" s="99"/>
      <c r="B12" s="21">
        <v>0.89100000000000001</v>
      </c>
      <c r="C12" s="21">
        <v>0.10199999999999999</v>
      </c>
      <c r="D12" s="21">
        <v>7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5514</v>
      </c>
      <c r="C13" s="20">
        <v>366</v>
      </c>
      <c r="D13" s="20">
        <v>16</v>
      </c>
      <c r="E13" s="20">
        <v>5896</v>
      </c>
    </row>
    <row r="14" spans="1:17">
      <c r="A14" s="74"/>
      <c r="B14" s="21">
        <v>0.93500000000000005</v>
      </c>
      <c r="C14" s="21">
        <v>6.2E-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30.75" customHeight="1">
      <c r="A15" s="71" t="s">
        <v>192</v>
      </c>
      <c r="B15" s="96"/>
      <c r="C15" s="96"/>
      <c r="D15" s="96"/>
      <c r="E15" s="96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  <c r="J16" s="22"/>
      <c r="K16" s="22"/>
      <c r="L16" s="22"/>
      <c r="M16" s="22"/>
      <c r="N16" s="22"/>
      <c r="O16" s="2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/>
  <dimension ref="A1:Q2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9" style="18" customWidth="1"/>
    <col min="6" max="16384" width="9" style="18"/>
  </cols>
  <sheetData>
    <row r="1" spans="1:17">
      <c r="A1" s="70" t="s">
        <v>91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6</v>
      </c>
      <c r="B3" s="76" t="s">
        <v>92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7</v>
      </c>
      <c r="B5" s="20">
        <v>1051</v>
      </c>
      <c r="C5" s="20">
        <v>592</v>
      </c>
      <c r="D5" s="20">
        <v>39</v>
      </c>
      <c r="E5" s="20">
        <v>1682</v>
      </c>
    </row>
    <row r="6" spans="1:17">
      <c r="A6" s="77"/>
      <c r="B6" s="21">
        <v>0.625</v>
      </c>
      <c r="C6" s="21">
        <v>0.35199999999999998</v>
      </c>
      <c r="D6" s="21">
        <v>2.3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3" t="s">
        <v>8</v>
      </c>
      <c r="B7" s="24">
        <v>212</v>
      </c>
      <c r="C7" s="24">
        <v>160</v>
      </c>
      <c r="D7" s="24">
        <v>4</v>
      </c>
      <c r="E7" s="20">
        <v>376</v>
      </c>
      <c r="J7" s="22"/>
      <c r="K7" s="22"/>
      <c r="L7" s="22"/>
      <c r="M7" s="22"/>
      <c r="N7" s="22"/>
    </row>
    <row r="8" spans="1:17">
      <c r="A8" s="74"/>
      <c r="B8" s="21">
        <v>0.56399999999999995</v>
      </c>
      <c r="C8" s="21">
        <v>0.42599999999999999</v>
      </c>
      <c r="D8" s="21">
        <v>1.0999999999999999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9</v>
      </c>
      <c r="B9" s="24">
        <v>340</v>
      </c>
      <c r="C9" s="24">
        <v>214</v>
      </c>
      <c r="D9" s="24">
        <v>11</v>
      </c>
      <c r="E9" s="24">
        <v>565</v>
      </c>
      <c r="J9" s="22"/>
      <c r="K9" s="22"/>
      <c r="L9" s="22"/>
      <c r="M9" s="22"/>
      <c r="N9" s="22"/>
    </row>
    <row r="10" spans="1:17">
      <c r="A10" s="74"/>
      <c r="B10" s="21">
        <v>0.60199999999999998</v>
      </c>
      <c r="C10" s="21">
        <v>0.379</v>
      </c>
      <c r="D10" s="21">
        <v>1.9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10</v>
      </c>
      <c r="B11" s="24">
        <v>126</v>
      </c>
      <c r="C11" s="24">
        <v>56</v>
      </c>
      <c r="D11" s="24">
        <v>7</v>
      </c>
      <c r="E11" s="24">
        <v>189</v>
      </c>
      <c r="J11" s="22"/>
      <c r="K11" s="22"/>
      <c r="L11" s="22"/>
      <c r="M11" s="22"/>
      <c r="N11" s="22"/>
    </row>
    <row r="12" spans="1:17">
      <c r="A12" s="79"/>
      <c r="B12" s="21">
        <v>0.66700000000000004</v>
      </c>
      <c r="C12" s="21">
        <v>0.29599999999999999</v>
      </c>
      <c r="D12" s="21">
        <v>3.6999999999999998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3" t="s">
        <v>11</v>
      </c>
      <c r="B13" s="24">
        <v>100</v>
      </c>
      <c r="C13" s="24">
        <v>47</v>
      </c>
      <c r="D13" s="24">
        <v>2</v>
      </c>
      <c r="E13" s="24">
        <v>149</v>
      </c>
      <c r="J13" s="22"/>
      <c r="K13" s="22"/>
      <c r="L13" s="22"/>
      <c r="M13" s="22"/>
      <c r="N13" s="22"/>
    </row>
    <row r="14" spans="1:17">
      <c r="A14" s="74"/>
      <c r="B14" s="21">
        <v>0.67100000000000004</v>
      </c>
      <c r="C14" s="21">
        <v>0.315</v>
      </c>
      <c r="D14" s="21">
        <v>1.2999999999999999E-2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73" t="s">
        <v>12</v>
      </c>
      <c r="B15" s="24">
        <v>108</v>
      </c>
      <c r="C15" s="24">
        <v>53</v>
      </c>
      <c r="D15" s="24">
        <v>9</v>
      </c>
      <c r="E15" s="24">
        <v>170</v>
      </c>
      <c r="J15" s="22"/>
      <c r="K15" s="22"/>
      <c r="L15" s="22"/>
      <c r="M15" s="22"/>
      <c r="N15" s="22"/>
    </row>
    <row r="16" spans="1:17">
      <c r="A16" s="74"/>
      <c r="B16" s="21">
        <v>0.63500000000000001</v>
      </c>
      <c r="C16" s="21">
        <v>0.312</v>
      </c>
      <c r="D16" s="21">
        <v>5.2999999999999999E-2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7">
      <c r="A17" s="73" t="s">
        <v>13</v>
      </c>
      <c r="B17" s="24">
        <v>448</v>
      </c>
      <c r="C17" s="24">
        <v>284</v>
      </c>
      <c r="D17" s="24">
        <v>18</v>
      </c>
      <c r="E17" s="24">
        <v>750</v>
      </c>
      <c r="J17" s="22"/>
      <c r="K17" s="22"/>
      <c r="L17" s="22"/>
      <c r="M17" s="22"/>
      <c r="N17" s="22"/>
    </row>
    <row r="18" spans="1:17">
      <c r="A18" s="74"/>
      <c r="B18" s="21">
        <v>0.59699999999999998</v>
      </c>
      <c r="C18" s="21">
        <v>0.379</v>
      </c>
      <c r="D18" s="21">
        <v>2.4E-2</v>
      </c>
      <c r="E18" s="21">
        <v>1</v>
      </c>
      <c r="J18" s="22"/>
      <c r="K18" s="22"/>
      <c r="L18" s="22"/>
      <c r="M18" s="22"/>
      <c r="N18" s="22"/>
      <c r="O18" s="22"/>
      <c r="P18" s="22"/>
      <c r="Q18" s="22"/>
    </row>
    <row r="19" spans="1:17">
      <c r="A19" s="73" t="s">
        <v>14</v>
      </c>
      <c r="B19" s="24">
        <v>53</v>
      </c>
      <c r="C19" s="24">
        <v>42</v>
      </c>
      <c r="D19" s="24">
        <v>4</v>
      </c>
      <c r="E19" s="24">
        <v>99</v>
      </c>
      <c r="J19" s="22"/>
      <c r="K19" s="22"/>
      <c r="L19" s="22"/>
      <c r="M19" s="22"/>
      <c r="N19" s="22"/>
    </row>
    <row r="20" spans="1:17">
      <c r="A20" s="74"/>
      <c r="B20" s="21">
        <v>0.53500000000000003</v>
      </c>
      <c r="C20" s="21">
        <v>0.42399999999999999</v>
      </c>
      <c r="D20" s="21">
        <v>0.04</v>
      </c>
      <c r="E20" s="21">
        <v>1</v>
      </c>
      <c r="J20" s="22"/>
      <c r="K20" s="22"/>
      <c r="L20" s="22"/>
      <c r="M20" s="22"/>
      <c r="N20" s="22"/>
      <c r="O20" s="22"/>
      <c r="P20" s="22"/>
      <c r="Q20" s="22"/>
    </row>
    <row r="21" spans="1:17">
      <c r="A21" s="72" t="s">
        <v>22</v>
      </c>
      <c r="B21" s="34">
        <v>16</v>
      </c>
      <c r="C21" s="34">
        <v>9</v>
      </c>
      <c r="D21" s="34">
        <v>0</v>
      </c>
      <c r="E21" s="34">
        <v>25</v>
      </c>
      <c r="J21" s="22"/>
      <c r="K21" s="22"/>
      <c r="L21" s="22"/>
      <c r="M21" s="22"/>
      <c r="N21" s="22"/>
    </row>
    <row r="22" spans="1:17" s="26" customFormat="1">
      <c r="A22" s="72"/>
      <c r="B22" s="33">
        <v>0.64</v>
      </c>
      <c r="C22" s="33">
        <v>0.36</v>
      </c>
      <c r="D22" s="33">
        <v>0</v>
      </c>
      <c r="E22" s="33">
        <v>1</v>
      </c>
    </row>
    <row r="23" spans="1:17" s="23" customFormat="1">
      <c r="A23" s="73" t="s">
        <v>15</v>
      </c>
      <c r="B23" s="20">
        <v>2454</v>
      </c>
      <c r="C23" s="20">
        <v>1457</v>
      </c>
      <c r="D23" s="20">
        <v>94</v>
      </c>
      <c r="E23" s="20">
        <v>4005</v>
      </c>
    </row>
    <row r="24" spans="1:17">
      <c r="A24" s="74"/>
      <c r="B24" s="21">
        <v>0.61299999999999999</v>
      </c>
      <c r="C24" s="21">
        <v>0.36399999999999999</v>
      </c>
      <c r="D24" s="21">
        <v>2.3E-2</v>
      </c>
      <c r="E24" s="21">
        <v>1</v>
      </c>
      <c r="J24" s="22"/>
      <c r="K24" s="22"/>
      <c r="L24" s="22"/>
      <c r="M24" s="22"/>
      <c r="N24" s="22"/>
      <c r="O24" s="22"/>
      <c r="P24" s="22"/>
      <c r="Q24" s="22"/>
    </row>
    <row r="25" spans="1:17" ht="14.25" customHeight="1">
      <c r="A25" s="80" t="s">
        <v>216</v>
      </c>
      <c r="B25" s="80"/>
      <c r="C25" s="80"/>
      <c r="D25" s="80"/>
      <c r="E25" s="80"/>
      <c r="J25" s="22"/>
      <c r="K25" s="22"/>
      <c r="L25" s="22"/>
      <c r="M25" s="22"/>
      <c r="N25" s="22"/>
    </row>
    <row r="26" spans="1:17">
      <c r="A26" s="86"/>
      <c r="B26" s="86"/>
      <c r="C26" s="86"/>
      <c r="D26" s="86"/>
      <c r="E26" s="86"/>
    </row>
    <row r="27" spans="1:17">
      <c r="A27" s="86"/>
      <c r="B27" s="86"/>
      <c r="C27" s="86"/>
      <c r="D27" s="86"/>
      <c r="E27" s="86"/>
    </row>
    <row r="28" spans="1:17">
      <c r="A28" s="86"/>
      <c r="B28" s="86"/>
      <c r="C28" s="86"/>
      <c r="D28" s="86"/>
      <c r="E28" s="86"/>
    </row>
  </sheetData>
  <mergeCells count="14">
    <mergeCell ref="A25:E28"/>
    <mergeCell ref="A23:A24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3"/>
  <dimension ref="A1:N29"/>
  <sheetViews>
    <sheetView workbookViewId="0">
      <selection activeCell="A2" sqref="A2"/>
    </sheetView>
  </sheetViews>
  <sheetFormatPr defaultColWidth="9" defaultRowHeight="14.25"/>
  <cols>
    <col min="1" max="1" width="19.375" style="18" bestFit="1" customWidth="1"/>
    <col min="2" max="7" width="9.625" style="18" customWidth="1"/>
    <col min="8" max="16384" width="9" style="18"/>
  </cols>
  <sheetData>
    <row r="1" spans="1:14">
      <c r="A1" s="18" t="s">
        <v>458</v>
      </c>
    </row>
    <row r="2" spans="1:14">
      <c r="A2" s="121" t="s">
        <v>613</v>
      </c>
      <c r="B2" s="36"/>
      <c r="C2" s="36"/>
    </row>
    <row r="3" spans="1:14" ht="59.25" customHeight="1">
      <c r="A3" s="75" t="s">
        <v>248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4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152</v>
      </c>
      <c r="B5" s="20">
        <v>168</v>
      </c>
      <c r="C5" s="20">
        <v>388</v>
      </c>
      <c r="D5" s="20">
        <v>295</v>
      </c>
      <c r="E5" s="20">
        <v>261</v>
      </c>
      <c r="F5" s="20">
        <v>75</v>
      </c>
      <c r="G5" s="20">
        <v>481</v>
      </c>
    </row>
    <row r="6" spans="1:14">
      <c r="A6" s="75"/>
      <c r="B6" s="21">
        <v>0.30199999999999999</v>
      </c>
      <c r="C6" s="21">
        <v>0.69799999999999995</v>
      </c>
      <c r="D6" s="21">
        <v>0.53100000000000003</v>
      </c>
      <c r="E6" s="21">
        <v>0.46899999999999997</v>
      </c>
      <c r="F6" s="21">
        <v>0.13500000000000001</v>
      </c>
      <c r="G6" s="21">
        <v>0.86499999999999999</v>
      </c>
    </row>
    <row r="7" spans="1:14" s="23" customFormat="1">
      <c r="A7" s="75" t="s">
        <v>153</v>
      </c>
      <c r="B7" s="20">
        <v>1008</v>
      </c>
      <c r="C7" s="20">
        <v>2663</v>
      </c>
      <c r="D7" s="20">
        <v>2038</v>
      </c>
      <c r="E7" s="20">
        <v>1633</v>
      </c>
      <c r="F7" s="20">
        <v>458</v>
      </c>
      <c r="G7" s="20">
        <v>3213</v>
      </c>
    </row>
    <row r="8" spans="1:14">
      <c r="A8" s="83"/>
      <c r="B8" s="21">
        <v>0.27500000000000002</v>
      </c>
      <c r="C8" s="21">
        <v>0.72499999999999998</v>
      </c>
      <c r="D8" s="21">
        <v>0.55500000000000005</v>
      </c>
      <c r="E8" s="21">
        <v>0.44500000000000001</v>
      </c>
      <c r="F8" s="21">
        <v>0.125</v>
      </c>
      <c r="G8" s="21">
        <v>0.875</v>
      </c>
    </row>
    <row r="9" spans="1:14">
      <c r="A9" s="75" t="s">
        <v>145</v>
      </c>
      <c r="B9" s="20">
        <v>166</v>
      </c>
      <c r="C9" s="20">
        <v>613</v>
      </c>
      <c r="D9" s="20">
        <v>471</v>
      </c>
      <c r="E9" s="20">
        <v>308</v>
      </c>
      <c r="F9" s="20">
        <v>93</v>
      </c>
      <c r="G9" s="20">
        <v>686</v>
      </c>
      <c r="L9" s="22"/>
      <c r="M9" s="22"/>
      <c r="N9" s="22"/>
    </row>
    <row r="10" spans="1:14">
      <c r="A10" s="83"/>
      <c r="B10" s="21">
        <v>0.21299999999999999</v>
      </c>
      <c r="C10" s="21">
        <v>0.78700000000000003</v>
      </c>
      <c r="D10" s="21">
        <v>0.60499999999999998</v>
      </c>
      <c r="E10" s="21">
        <v>0.39500000000000002</v>
      </c>
      <c r="F10" s="21">
        <v>0.11899999999999999</v>
      </c>
      <c r="G10" s="21">
        <v>0.88100000000000001</v>
      </c>
    </row>
    <row r="11" spans="1:14">
      <c r="A11" s="75" t="s">
        <v>22</v>
      </c>
      <c r="B11" s="24">
        <v>138</v>
      </c>
      <c r="C11" s="24">
        <v>370</v>
      </c>
      <c r="D11" s="24">
        <v>279</v>
      </c>
      <c r="E11" s="24">
        <v>229</v>
      </c>
      <c r="F11" s="24">
        <v>60</v>
      </c>
      <c r="G11" s="24">
        <v>448</v>
      </c>
      <c r="H11" s="22"/>
      <c r="I11" s="22"/>
      <c r="J11" s="22"/>
      <c r="K11" s="22"/>
      <c r="L11" s="22"/>
      <c r="M11" s="22"/>
      <c r="N11" s="22"/>
    </row>
    <row r="12" spans="1:14">
      <c r="A12" s="83"/>
      <c r="B12" s="21">
        <v>0.27200000000000002</v>
      </c>
      <c r="C12" s="21">
        <v>0.72799999999999998</v>
      </c>
      <c r="D12" s="21">
        <v>0.54900000000000004</v>
      </c>
      <c r="E12" s="21">
        <v>0.45100000000000001</v>
      </c>
      <c r="F12" s="21">
        <v>0.11799999999999999</v>
      </c>
      <c r="G12" s="21">
        <v>0.88200000000000001</v>
      </c>
    </row>
    <row r="13" spans="1:14" s="23" customFormat="1">
      <c r="A13" s="75" t="s">
        <v>15</v>
      </c>
      <c r="B13" s="20">
        <v>1480</v>
      </c>
      <c r="C13" s="20">
        <v>4034</v>
      </c>
      <c r="D13" s="20">
        <v>3083</v>
      </c>
      <c r="E13" s="20">
        <v>2431</v>
      </c>
      <c r="F13" s="20">
        <v>686</v>
      </c>
      <c r="G13" s="20">
        <v>4828</v>
      </c>
    </row>
    <row r="14" spans="1:14">
      <c r="A14" s="83"/>
      <c r="B14" s="21">
        <v>0.26800000000000002</v>
      </c>
      <c r="C14" s="21">
        <v>0.73199999999999998</v>
      </c>
      <c r="D14" s="21">
        <v>0.55900000000000005</v>
      </c>
      <c r="E14" s="21">
        <v>0.441</v>
      </c>
      <c r="F14" s="21">
        <v>0.124</v>
      </c>
      <c r="G14" s="21">
        <v>0.876</v>
      </c>
    </row>
    <row r="15" spans="1:14">
      <c r="A15" s="50"/>
      <c r="B15" s="51"/>
      <c r="C15" s="51"/>
      <c r="D15" s="51"/>
      <c r="E15" s="51"/>
      <c r="F15" s="51"/>
      <c r="G15" s="51"/>
    </row>
    <row r="16" spans="1:14" ht="30" customHeight="1">
      <c r="A16" s="75" t="s">
        <v>248</v>
      </c>
      <c r="B16" s="82" t="s">
        <v>160</v>
      </c>
      <c r="C16" s="82"/>
      <c r="D16" s="82" t="s">
        <v>161</v>
      </c>
      <c r="E16" s="82"/>
      <c r="F16" s="82" t="s">
        <v>162</v>
      </c>
      <c r="G16" s="82"/>
    </row>
    <row r="17" spans="1:14">
      <c r="A17" s="75"/>
      <c r="B17" s="11" t="s">
        <v>180</v>
      </c>
      <c r="C17" s="11" t="s">
        <v>181</v>
      </c>
      <c r="D17" s="11" t="s">
        <v>180</v>
      </c>
      <c r="E17" s="11" t="s">
        <v>181</v>
      </c>
      <c r="F17" s="11" t="s">
        <v>180</v>
      </c>
      <c r="G17" s="11" t="s">
        <v>181</v>
      </c>
    </row>
    <row r="18" spans="1:14">
      <c r="A18" s="75" t="s">
        <v>152</v>
      </c>
      <c r="B18" s="20">
        <v>119</v>
      </c>
      <c r="C18" s="20">
        <v>437</v>
      </c>
      <c r="D18" s="20">
        <v>8</v>
      </c>
      <c r="E18" s="20">
        <v>548</v>
      </c>
      <c r="F18" s="20">
        <v>30</v>
      </c>
      <c r="G18" s="20">
        <v>526</v>
      </c>
    </row>
    <row r="19" spans="1:14">
      <c r="A19" s="75"/>
      <c r="B19" s="21">
        <v>0.214</v>
      </c>
      <c r="C19" s="21">
        <v>0.78600000000000003</v>
      </c>
      <c r="D19" s="21">
        <v>1.4E-2</v>
      </c>
      <c r="E19" s="21">
        <v>0.98599999999999999</v>
      </c>
      <c r="F19" s="21">
        <v>5.3999999999999999E-2</v>
      </c>
      <c r="G19" s="21">
        <v>0.94599999999999995</v>
      </c>
    </row>
    <row r="20" spans="1:14">
      <c r="A20" s="75" t="s">
        <v>153</v>
      </c>
      <c r="B20" s="20">
        <v>847</v>
      </c>
      <c r="C20" s="20">
        <v>2824</v>
      </c>
      <c r="D20" s="20">
        <v>53</v>
      </c>
      <c r="E20" s="20">
        <v>3618</v>
      </c>
      <c r="F20" s="20">
        <v>195</v>
      </c>
      <c r="G20" s="20">
        <v>3476</v>
      </c>
    </row>
    <row r="21" spans="1:14">
      <c r="A21" s="83"/>
      <c r="B21" s="21">
        <v>0.23100000000000001</v>
      </c>
      <c r="C21" s="21">
        <v>0.76900000000000002</v>
      </c>
      <c r="D21" s="21">
        <v>1.4E-2</v>
      </c>
      <c r="E21" s="21">
        <v>0.98599999999999999</v>
      </c>
      <c r="F21" s="21">
        <v>5.2999999999999999E-2</v>
      </c>
      <c r="G21" s="21">
        <v>0.94699999999999995</v>
      </c>
    </row>
    <row r="22" spans="1:14">
      <c r="A22" s="75" t="s">
        <v>145</v>
      </c>
      <c r="B22" s="20">
        <v>170</v>
      </c>
      <c r="C22" s="20">
        <v>609</v>
      </c>
      <c r="D22" s="20">
        <v>11</v>
      </c>
      <c r="E22" s="20">
        <v>768</v>
      </c>
      <c r="F22" s="20">
        <v>52</v>
      </c>
      <c r="G22" s="20">
        <v>727</v>
      </c>
    </row>
    <row r="23" spans="1:14">
      <c r="A23" s="83"/>
      <c r="B23" s="21">
        <v>0.218</v>
      </c>
      <c r="C23" s="21">
        <v>0.78200000000000003</v>
      </c>
      <c r="D23" s="21">
        <v>1.4E-2</v>
      </c>
      <c r="E23" s="21">
        <v>0.98599999999999999</v>
      </c>
      <c r="F23" s="21">
        <v>6.7000000000000004E-2</v>
      </c>
      <c r="G23" s="21">
        <v>0.93300000000000005</v>
      </c>
    </row>
    <row r="24" spans="1:14">
      <c r="A24" s="75" t="s">
        <v>22</v>
      </c>
      <c r="B24" s="24">
        <v>90</v>
      </c>
      <c r="C24" s="24">
        <v>418</v>
      </c>
      <c r="D24" s="24">
        <v>8</v>
      </c>
      <c r="E24" s="24">
        <v>500</v>
      </c>
      <c r="F24" s="24">
        <v>19</v>
      </c>
      <c r="G24" s="24">
        <v>489</v>
      </c>
    </row>
    <row r="25" spans="1:14">
      <c r="A25" s="83"/>
      <c r="B25" s="21">
        <v>0.17699999999999999</v>
      </c>
      <c r="C25" s="21">
        <v>0.82299999999999995</v>
      </c>
      <c r="D25" s="21">
        <v>1.6E-2</v>
      </c>
      <c r="E25" s="21">
        <v>0.98399999999999999</v>
      </c>
      <c r="F25" s="21">
        <v>3.6999999999999998E-2</v>
      </c>
      <c r="G25" s="21">
        <v>0.96299999999999997</v>
      </c>
    </row>
    <row r="26" spans="1:14">
      <c r="A26" s="75" t="s">
        <v>15</v>
      </c>
      <c r="B26" s="20">
        <v>1226</v>
      </c>
      <c r="C26" s="20">
        <v>4288</v>
      </c>
      <c r="D26" s="20">
        <v>80</v>
      </c>
      <c r="E26" s="20">
        <v>5434</v>
      </c>
      <c r="F26" s="20">
        <v>296</v>
      </c>
      <c r="G26" s="20">
        <v>5218</v>
      </c>
    </row>
    <row r="27" spans="1:14">
      <c r="A27" s="83"/>
      <c r="B27" s="21">
        <v>0.222</v>
      </c>
      <c r="C27" s="21">
        <v>0.77800000000000002</v>
      </c>
      <c r="D27" s="21">
        <v>1.4999999999999999E-2</v>
      </c>
      <c r="E27" s="21">
        <v>0.98499999999999999</v>
      </c>
      <c r="F27" s="21">
        <v>5.3999999999999999E-2</v>
      </c>
      <c r="G27" s="21">
        <v>0.94599999999999995</v>
      </c>
    </row>
    <row r="28" spans="1:14" ht="14.25" customHeight="1">
      <c r="A28" s="71" t="s">
        <v>598</v>
      </c>
      <c r="B28" s="71"/>
      <c r="C28" s="71"/>
      <c r="D28" s="71"/>
      <c r="E28" s="71"/>
      <c r="F28" s="71"/>
      <c r="G28" s="71"/>
      <c r="H28" s="22"/>
      <c r="I28" s="22"/>
      <c r="J28" s="22"/>
      <c r="K28" s="22"/>
      <c r="L28" s="22"/>
      <c r="M28" s="22"/>
      <c r="N28" s="22"/>
    </row>
    <row r="29" spans="1:14">
      <c r="A29" s="81"/>
      <c r="B29" s="81"/>
      <c r="C29" s="81"/>
      <c r="D29" s="81"/>
      <c r="E29" s="81"/>
      <c r="F29" s="81"/>
      <c r="G29" s="81"/>
    </row>
  </sheetData>
  <mergeCells count="19">
    <mergeCell ref="A3:A4"/>
    <mergeCell ref="B3:C3"/>
    <mergeCell ref="D3:E3"/>
    <mergeCell ref="F3:G3"/>
    <mergeCell ref="A26:A27"/>
    <mergeCell ref="F16:G16"/>
    <mergeCell ref="A28:G29"/>
    <mergeCell ref="A5:A6"/>
    <mergeCell ref="A7:A8"/>
    <mergeCell ref="B16:C16"/>
    <mergeCell ref="A16:A17"/>
    <mergeCell ref="A18:A19"/>
    <mergeCell ref="A11:A12"/>
    <mergeCell ref="A13:A14"/>
    <mergeCell ref="A9:A10"/>
    <mergeCell ref="D16:E16"/>
    <mergeCell ref="A20:A21"/>
    <mergeCell ref="A22:A23"/>
    <mergeCell ref="A24:A25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4"/>
  <dimension ref="A1:L31"/>
  <sheetViews>
    <sheetView workbookViewId="0">
      <selection activeCell="A2" sqref="A2"/>
    </sheetView>
  </sheetViews>
  <sheetFormatPr defaultColWidth="9" defaultRowHeight="14.25"/>
  <cols>
    <col min="1" max="1" width="19.375" style="18" bestFit="1" customWidth="1"/>
    <col min="2" max="3" width="9" style="18"/>
    <col min="4" max="4" width="9.375" style="18" customWidth="1"/>
    <col min="5" max="5" width="9.75" style="18" customWidth="1"/>
    <col min="6" max="16384" width="9" style="18"/>
  </cols>
  <sheetData>
    <row r="1" spans="1:12">
      <c r="A1" s="18" t="s">
        <v>459</v>
      </c>
    </row>
    <row r="2" spans="1:12">
      <c r="A2" s="121" t="s">
        <v>613</v>
      </c>
      <c r="B2" s="28"/>
      <c r="C2" s="28"/>
      <c r="D2" s="28"/>
      <c r="E2" s="28"/>
      <c r="F2" s="28"/>
      <c r="G2" s="28"/>
    </row>
    <row r="3" spans="1:12" ht="31.15" customHeight="1">
      <c r="A3" s="84" t="s">
        <v>248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2" ht="28.15" customHeight="1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2">
      <c r="A5" s="75" t="s">
        <v>152</v>
      </c>
      <c r="B5" s="20">
        <v>120</v>
      </c>
      <c r="C5" s="20">
        <v>436</v>
      </c>
      <c r="D5" s="20">
        <v>13</v>
      </c>
      <c r="E5" s="20">
        <v>543</v>
      </c>
      <c r="F5" s="20">
        <v>64</v>
      </c>
      <c r="G5" s="20">
        <v>492</v>
      </c>
    </row>
    <row r="6" spans="1:12">
      <c r="A6" s="75"/>
      <c r="B6" s="21">
        <v>0.216</v>
      </c>
      <c r="C6" s="21">
        <v>0.78400000000000003</v>
      </c>
      <c r="D6" s="21">
        <v>2.3E-2</v>
      </c>
      <c r="E6" s="21">
        <v>0.97699999999999998</v>
      </c>
      <c r="F6" s="21">
        <v>0.115</v>
      </c>
      <c r="G6" s="21">
        <v>0.88500000000000001</v>
      </c>
    </row>
    <row r="7" spans="1:12" s="23" customFormat="1">
      <c r="A7" s="75" t="s">
        <v>153</v>
      </c>
      <c r="B7" s="20">
        <v>698</v>
      </c>
      <c r="C7" s="20">
        <v>2973</v>
      </c>
      <c r="D7" s="20">
        <v>121</v>
      </c>
      <c r="E7" s="20">
        <v>3550</v>
      </c>
      <c r="F7" s="20">
        <v>549</v>
      </c>
      <c r="G7" s="20">
        <v>3122</v>
      </c>
    </row>
    <row r="8" spans="1:12">
      <c r="A8" s="83"/>
      <c r="B8" s="21">
        <v>0.19</v>
      </c>
      <c r="C8" s="21">
        <v>0.81</v>
      </c>
      <c r="D8" s="21">
        <v>3.3000000000000002E-2</v>
      </c>
      <c r="E8" s="21">
        <v>0.96699999999999997</v>
      </c>
      <c r="F8" s="21">
        <v>0.15</v>
      </c>
      <c r="G8" s="21">
        <v>0.85</v>
      </c>
    </row>
    <row r="9" spans="1:12">
      <c r="A9" s="75" t="s">
        <v>145</v>
      </c>
      <c r="B9" s="20">
        <v>140</v>
      </c>
      <c r="C9" s="20">
        <v>639</v>
      </c>
      <c r="D9" s="20">
        <v>28</v>
      </c>
      <c r="E9" s="20">
        <v>751</v>
      </c>
      <c r="F9" s="20">
        <v>150</v>
      </c>
      <c r="G9" s="20">
        <v>629</v>
      </c>
      <c r="J9" s="22"/>
      <c r="K9" s="22"/>
      <c r="L9" s="22"/>
    </row>
    <row r="10" spans="1:12">
      <c r="A10" s="83"/>
      <c r="B10" s="21">
        <v>0.18</v>
      </c>
      <c r="C10" s="21">
        <v>0.82</v>
      </c>
      <c r="D10" s="21">
        <v>3.5999999999999997E-2</v>
      </c>
      <c r="E10" s="21">
        <v>0.96399999999999997</v>
      </c>
      <c r="F10" s="21">
        <v>0.193</v>
      </c>
      <c r="G10" s="21">
        <v>0.80700000000000005</v>
      </c>
    </row>
    <row r="11" spans="1:12">
      <c r="A11" s="75" t="s">
        <v>22</v>
      </c>
      <c r="B11" s="24">
        <v>96</v>
      </c>
      <c r="C11" s="24">
        <v>412</v>
      </c>
      <c r="D11" s="24">
        <v>20</v>
      </c>
      <c r="E11" s="24">
        <v>488</v>
      </c>
      <c r="F11" s="24">
        <v>69</v>
      </c>
      <c r="G11" s="24">
        <v>439</v>
      </c>
      <c r="H11" s="22"/>
      <c r="I11" s="22"/>
      <c r="J11" s="22"/>
      <c r="K11" s="22"/>
      <c r="L11" s="22"/>
    </row>
    <row r="12" spans="1:12">
      <c r="A12" s="83"/>
      <c r="B12" s="21">
        <v>0.189</v>
      </c>
      <c r="C12" s="21">
        <v>0.81100000000000005</v>
      </c>
      <c r="D12" s="21">
        <v>3.9E-2</v>
      </c>
      <c r="E12" s="21">
        <v>0.96099999999999997</v>
      </c>
      <c r="F12" s="21">
        <v>0.13600000000000001</v>
      </c>
      <c r="G12" s="21">
        <v>0.86399999999999999</v>
      </c>
    </row>
    <row r="13" spans="1:12" s="23" customFormat="1" ht="13.9" customHeight="1">
      <c r="A13" s="75" t="s">
        <v>15</v>
      </c>
      <c r="B13" s="20">
        <v>1054</v>
      </c>
      <c r="C13" s="20">
        <v>4460</v>
      </c>
      <c r="D13" s="20">
        <v>182</v>
      </c>
      <c r="E13" s="20">
        <v>5332</v>
      </c>
      <c r="F13" s="20">
        <v>832</v>
      </c>
      <c r="G13" s="20">
        <v>4682</v>
      </c>
    </row>
    <row r="14" spans="1:12">
      <c r="A14" s="83"/>
      <c r="B14" s="21">
        <v>0.191</v>
      </c>
      <c r="C14" s="21">
        <v>0.80900000000000005</v>
      </c>
      <c r="D14" s="21">
        <v>3.3000000000000002E-2</v>
      </c>
      <c r="E14" s="21">
        <v>0.96699999999999997</v>
      </c>
      <c r="F14" s="21">
        <v>0.151</v>
      </c>
      <c r="G14" s="21">
        <v>0.84899999999999998</v>
      </c>
    </row>
    <row r="15" spans="1:12">
      <c r="A15" s="50"/>
      <c r="B15" s="51"/>
      <c r="C15" s="51"/>
      <c r="D15" s="52"/>
      <c r="E15" s="52"/>
      <c r="F15" s="52"/>
      <c r="G15" s="52"/>
    </row>
    <row r="16" spans="1:12" ht="30.75" customHeight="1">
      <c r="A16" s="84" t="s">
        <v>248</v>
      </c>
      <c r="B16" s="82" t="s">
        <v>166</v>
      </c>
      <c r="C16" s="82"/>
      <c r="D16" s="52"/>
      <c r="E16" s="52"/>
      <c r="F16" s="52"/>
      <c r="G16" s="52"/>
    </row>
    <row r="17" spans="1:12">
      <c r="A17" s="84"/>
      <c r="B17" s="11" t="s">
        <v>180</v>
      </c>
      <c r="C17" s="11" t="s">
        <v>181</v>
      </c>
      <c r="D17" s="52"/>
      <c r="E17" s="52"/>
      <c r="F17" s="52"/>
      <c r="G17" s="52"/>
    </row>
    <row r="18" spans="1:12">
      <c r="A18" s="75" t="s">
        <v>152</v>
      </c>
      <c r="B18" s="20">
        <v>11</v>
      </c>
      <c r="C18" s="20">
        <v>545</v>
      </c>
      <c r="D18" s="52"/>
      <c r="E18" s="52"/>
      <c r="F18" s="52"/>
      <c r="G18" s="52"/>
    </row>
    <row r="19" spans="1:12">
      <c r="A19" s="75"/>
      <c r="B19" s="21">
        <v>0.02</v>
      </c>
      <c r="C19" s="21">
        <v>0.98</v>
      </c>
      <c r="D19" s="52"/>
      <c r="E19" s="52"/>
      <c r="F19" s="52"/>
      <c r="G19" s="52"/>
    </row>
    <row r="20" spans="1:12">
      <c r="A20" s="75" t="s">
        <v>153</v>
      </c>
      <c r="B20" s="20">
        <v>89</v>
      </c>
      <c r="C20" s="20">
        <v>3582</v>
      </c>
      <c r="D20" s="52"/>
      <c r="E20" s="52"/>
      <c r="F20" s="52"/>
      <c r="G20" s="52"/>
    </row>
    <row r="21" spans="1:12">
      <c r="A21" s="83"/>
      <c r="B21" s="21">
        <v>2.4E-2</v>
      </c>
      <c r="C21" s="21">
        <v>0.97599999999999998</v>
      </c>
      <c r="D21" s="52"/>
      <c r="E21" s="52"/>
      <c r="F21" s="52"/>
      <c r="G21" s="52"/>
    </row>
    <row r="22" spans="1:12">
      <c r="A22" s="75" t="s">
        <v>145</v>
      </c>
      <c r="B22" s="20">
        <v>18</v>
      </c>
      <c r="C22" s="20">
        <v>761</v>
      </c>
      <c r="D22" s="52"/>
      <c r="E22" s="52"/>
      <c r="F22" s="52"/>
      <c r="G22" s="52"/>
    </row>
    <row r="23" spans="1:12">
      <c r="A23" s="83"/>
      <c r="B23" s="21">
        <v>2.3E-2</v>
      </c>
      <c r="C23" s="21">
        <v>0.97699999999999998</v>
      </c>
      <c r="D23" s="52"/>
      <c r="E23" s="52"/>
      <c r="F23" s="52"/>
      <c r="G23" s="52"/>
    </row>
    <row r="24" spans="1:12">
      <c r="A24" s="75" t="s">
        <v>22</v>
      </c>
      <c r="B24" s="24">
        <v>8</v>
      </c>
      <c r="C24" s="24">
        <v>500</v>
      </c>
      <c r="D24" s="52"/>
      <c r="E24" s="52"/>
      <c r="F24" s="52"/>
      <c r="G24" s="52"/>
    </row>
    <row r="25" spans="1:12">
      <c r="A25" s="83"/>
      <c r="B25" s="21">
        <v>1.6E-2</v>
      </c>
      <c r="C25" s="21">
        <v>0.98399999999999999</v>
      </c>
      <c r="D25" s="52"/>
      <c r="E25" s="52"/>
      <c r="F25" s="52"/>
      <c r="G25" s="52"/>
    </row>
    <row r="26" spans="1:12">
      <c r="A26" s="75" t="s">
        <v>15</v>
      </c>
      <c r="B26" s="20">
        <v>126</v>
      </c>
      <c r="C26" s="20">
        <v>5388</v>
      </c>
      <c r="D26" s="52"/>
      <c r="E26" s="52"/>
      <c r="F26" s="52"/>
      <c r="G26" s="52"/>
    </row>
    <row r="27" spans="1:12">
      <c r="A27" s="83"/>
      <c r="B27" s="21">
        <v>2.3E-2</v>
      </c>
      <c r="C27" s="21">
        <v>0.97699999999999998</v>
      </c>
      <c r="D27" s="52"/>
      <c r="E27" s="52"/>
      <c r="F27" s="52"/>
      <c r="G27" s="52"/>
    </row>
    <row r="28" spans="1:12">
      <c r="A28" s="71" t="s">
        <v>586</v>
      </c>
      <c r="B28" s="71"/>
      <c r="C28" s="71"/>
      <c r="D28" s="35"/>
      <c r="E28" s="35"/>
      <c r="F28" s="35"/>
      <c r="G28" s="35"/>
      <c r="H28" s="22"/>
      <c r="I28" s="22"/>
      <c r="J28" s="22"/>
      <c r="K28" s="22"/>
      <c r="L28" s="22"/>
    </row>
    <row r="29" spans="1:12">
      <c r="A29" s="81"/>
      <c r="B29" s="81"/>
      <c r="C29" s="81"/>
    </row>
    <row r="30" spans="1:12">
      <c r="A30" s="81"/>
      <c r="B30" s="81"/>
      <c r="C30" s="81"/>
    </row>
    <row r="31" spans="1:12">
      <c r="A31" s="81"/>
      <c r="B31" s="81"/>
      <c r="C31" s="81"/>
    </row>
  </sheetData>
  <mergeCells count="17">
    <mergeCell ref="A11:A12"/>
    <mergeCell ref="A16:A17"/>
    <mergeCell ref="F3:G3"/>
    <mergeCell ref="A13:A14"/>
    <mergeCell ref="B16:C16"/>
    <mergeCell ref="A28:C31"/>
    <mergeCell ref="A3:A4"/>
    <mergeCell ref="B3:C3"/>
    <mergeCell ref="D3:E3"/>
    <mergeCell ref="A18:A19"/>
    <mergeCell ref="A20:A21"/>
    <mergeCell ref="A22:A23"/>
    <mergeCell ref="A24:A25"/>
    <mergeCell ref="A26:A27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5"/>
  <dimension ref="A1:Q16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2" width="11.625" style="18" bestFit="1" customWidth="1"/>
    <col min="3" max="3" width="13.875" style="18" bestFit="1" customWidth="1"/>
    <col min="4" max="5" width="8.875" style="18" customWidth="1"/>
    <col min="6" max="16384" width="9" style="18"/>
  </cols>
  <sheetData>
    <row r="1" spans="1:17">
      <c r="A1" s="70" t="s">
        <v>460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48</v>
      </c>
      <c r="B3" s="76" t="s">
        <v>124</v>
      </c>
      <c r="C3" s="76"/>
      <c r="D3" s="76"/>
      <c r="E3" s="76"/>
    </row>
    <row r="4" spans="1:17">
      <c r="A4" s="84"/>
      <c r="B4" s="11" t="s">
        <v>86</v>
      </c>
      <c r="C4" s="11" t="s">
        <v>87</v>
      </c>
      <c r="D4" s="11" t="s">
        <v>22</v>
      </c>
      <c r="E4" s="11" t="s">
        <v>15</v>
      </c>
    </row>
    <row r="5" spans="1:17">
      <c r="A5" s="73" t="s">
        <v>152</v>
      </c>
      <c r="B5" s="20">
        <v>375</v>
      </c>
      <c r="C5" s="20">
        <v>215</v>
      </c>
      <c r="D5" s="20">
        <v>5</v>
      </c>
      <c r="E5" s="20">
        <v>595</v>
      </c>
    </row>
    <row r="6" spans="1:17">
      <c r="A6" s="77"/>
      <c r="B6" s="21">
        <v>0.63</v>
      </c>
      <c r="C6" s="21">
        <v>0.36099999999999999</v>
      </c>
      <c r="D6" s="21">
        <v>8.000000000000000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153</v>
      </c>
      <c r="B7" s="20">
        <v>2603</v>
      </c>
      <c r="C7" s="20">
        <v>1301</v>
      </c>
      <c r="D7" s="20">
        <v>5</v>
      </c>
      <c r="E7" s="20">
        <v>3909</v>
      </c>
    </row>
    <row r="8" spans="1:17">
      <c r="A8" s="79"/>
      <c r="B8" s="21">
        <v>0.66600000000000004</v>
      </c>
      <c r="C8" s="21">
        <v>0.33300000000000002</v>
      </c>
      <c r="D8" s="21">
        <v>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145</v>
      </c>
      <c r="B9" s="24">
        <v>581</v>
      </c>
      <c r="C9" s="24">
        <v>234</v>
      </c>
      <c r="D9" s="24">
        <v>7</v>
      </c>
      <c r="E9" s="24">
        <v>822</v>
      </c>
    </row>
    <row r="10" spans="1:17">
      <c r="A10" s="99"/>
      <c r="B10" s="21">
        <v>0.70699999999999996</v>
      </c>
      <c r="C10" s="21">
        <v>0.28499999999999998</v>
      </c>
      <c r="D10" s="21">
        <v>8.9999999999999993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351</v>
      </c>
      <c r="C11" s="24">
        <v>217</v>
      </c>
      <c r="D11" s="24">
        <v>2</v>
      </c>
      <c r="E11" s="24">
        <v>570</v>
      </c>
    </row>
    <row r="12" spans="1:17">
      <c r="A12" s="99"/>
      <c r="B12" s="21">
        <v>0.61599999999999999</v>
      </c>
      <c r="C12" s="21">
        <v>0.38100000000000001</v>
      </c>
      <c r="D12" s="21">
        <v>4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3910</v>
      </c>
      <c r="C13" s="20">
        <v>1967</v>
      </c>
      <c r="D13" s="20">
        <v>19</v>
      </c>
      <c r="E13" s="20">
        <v>5896</v>
      </c>
    </row>
    <row r="14" spans="1:17">
      <c r="A14" s="74"/>
      <c r="B14" s="21">
        <v>0.66300000000000003</v>
      </c>
      <c r="C14" s="21">
        <v>0.3340000000000000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71" t="s">
        <v>225</v>
      </c>
      <c r="B15" s="96"/>
      <c r="C15" s="96"/>
      <c r="D15" s="96"/>
      <c r="E15" s="96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  <c r="J16" s="22"/>
      <c r="K16" s="22"/>
      <c r="L16" s="22"/>
      <c r="M16" s="22"/>
      <c r="N16" s="22"/>
      <c r="O16" s="2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6"/>
  <dimension ref="A1:Q17"/>
  <sheetViews>
    <sheetView workbookViewId="0">
      <selection activeCell="A2" sqref="A2"/>
    </sheetView>
  </sheetViews>
  <sheetFormatPr defaultColWidth="9" defaultRowHeight="14.25"/>
  <cols>
    <col min="1" max="1" width="19.375" style="18" bestFit="1" customWidth="1"/>
    <col min="2" max="5" width="8.875" style="18" customWidth="1"/>
    <col min="6" max="16384" width="9" style="18"/>
  </cols>
  <sheetData>
    <row r="1" spans="1:17">
      <c r="A1" s="70" t="s">
        <v>461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48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152</v>
      </c>
      <c r="B5" s="20">
        <v>219</v>
      </c>
      <c r="C5" s="20">
        <v>153</v>
      </c>
      <c r="D5" s="20">
        <v>3</v>
      </c>
      <c r="E5" s="20">
        <v>375</v>
      </c>
    </row>
    <row r="6" spans="1:17">
      <c r="A6" s="77"/>
      <c r="B6" s="21">
        <v>0.58399999999999996</v>
      </c>
      <c r="C6" s="21">
        <v>0.40799999999999997</v>
      </c>
      <c r="D6" s="21">
        <v>8.000000000000000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153</v>
      </c>
      <c r="B7" s="20">
        <v>1631</v>
      </c>
      <c r="C7" s="20">
        <v>926</v>
      </c>
      <c r="D7" s="20">
        <v>46</v>
      </c>
      <c r="E7" s="20">
        <v>2603</v>
      </c>
    </row>
    <row r="8" spans="1:17">
      <c r="A8" s="79"/>
      <c r="B8" s="21">
        <v>0.627</v>
      </c>
      <c r="C8" s="21">
        <v>0.35599999999999998</v>
      </c>
      <c r="D8" s="21">
        <v>1.7999999999999999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145</v>
      </c>
      <c r="B9" s="24">
        <v>360</v>
      </c>
      <c r="C9" s="24">
        <v>206</v>
      </c>
      <c r="D9" s="24">
        <v>15</v>
      </c>
      <c r="E9" s="24">
        <v>581</v>
      </c>
    </row>
    <row r="10" spans="1:17">
      <c r="A10" s="99"/>
      <c r="B10" s="21">
        <v>0.62</v>
      </c>
      <c r="C10" s="21">
        <v>0.35499999999999998</v>
      </c>
      <c r="D10" s="21">
        <v>2.5999999999999999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187</v>
      </c>
      <c r="C11" s="24">
        <v>135</v>
      </c>
      <c r="D11" s="24">
        <v>29</v>
      </c>
      <c r="E11" s="24">
        <v>351</v>
      </c>
    </row>
    <row r="12" spans="1:17">
      <c r="A12" s="99"/>
      <c r="B12" s="21">
        <v>0.53300000000000003</v>
      </c>
      <c r="C12" s="21">
        <v>0.38500000000000001</v>
      </c>
      <c r="D12" s="21">
        <v>8.3000000000000004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2397</v>
      </c>
      <c r="C13" s="20">
        <v>1420</v>
      </c>
      <c r="D13" s="20">
        <v>93</v>
      </c>
      <c r="E13" s="20">
        <v>3910</v>
      </c>
    </row>
    <row r="14" spans="1:17">
      <c r="A14" s="74"/>
      <c r="B14" s="21">
        <v>0.61299999999999999</v>
      </c>
      <c r="C14" s="21">
        <v>0.36299999999999999</v>
      </c>
      <c r="D14" s="21">
        <v>2.4E-2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71" t="s">
        <v>216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7">
      <c r="A16" s="81"/>
      <c r="B16" s="81"/>
      <c r="C16" s="81"/>
      <c r="D16" s="81"/>
      <c r="E16" s="81"/>
      <c r="J16" s="22"/>
      <c r="K16" s="22"/>
      <c r="L16" s="22"/>
      <c r="M16" s="22"/>
      <c r="N16" s="22"/>
      <c r="O16" s="22"/>
    </row>
    <row r="17" spans="1:5">
      <c r="A17" s="81"/>
      <c r="B17" s="81"/>
      <c r="C17" s="81"/>
      <c r="D17" s="81"/>
      <c r="E17" s="81"/>
    </row>
  </sheetData>
  <mergeCells count="9">
    <mergeCell ref="A15:E17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7"/>
  <dimension ref="A1:S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8.875" style="18" customWidth="1"/>
    <col min="4" max="5" width="9.5" style="18" bestFit="1" customWidth="1"/>
    <col min="6" max="7" width="8.875" style="18" customWidth="1"/>
    <col min="8" max="16384" width="9" style="18"/>
  </cols>
  <sheetData>
    <row r="1" spans="1:19">
      <c r="A1" s="70" t="s">
        <v>462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1</v>
      </c>
      <c r="B3" s="76" t="s">
        <v>126</v>
      </c>
      <c r="C3" s="76"/>
      <c r="D3" s="76"/>
      <c r="E3" s="76"/>
      <c r="F3" s="76"/>
      <c r="G3" s="76"/>
    </row>
    <row r="4" spans="1:19" ht="28.15" customHeight="1">
      <c r="A4" s="84"/>
      <c r="B4" s="11" t="s">
        <v>212</v>
      </c>
      <c r="C4" s="11" t="s">
        <v>230</v>
      </c>
      <c r="D4" s="11" t="s">
        <v>195</v>
      </c>
      <c r="E4" s="11" t="s">
        <v>233</v>
      </c>
      <c r="F4" s="11" t="s">
        <v>22</v>
      </c>
      <c r="G4" s="11" t="s">
        <v>15</v>
      </c>
    </row>
    <row r="5" spans="1:19">
      <c r="A5" s="73" t="s">
        <v>152</v>
      </c>
      <c r="B5" s="20">
        <v>55</v>
      </c>
      <c r="C5" s="20">
        <v>169</v>
      </c>
      <c r="D5" s="20">
        <v>174</v>
      </c>
      <c r="E5" s="20">
        <v>195</v>
      </c>
      <c r="F5" s="20">
        <v>2</v>
      </c>
      <c r="G5" s="20">
        <v>595</v>
      </c>
    </row>
    <row r="6" spans="1:19">
      <c r="A6" s="77"/>
      <c r="B6" s="21">
        <v>9.1999999999999998E-2</v>
      </c>
      <c r="C6" s="21">
        <v>0.28399999999999997</v>
      </c>
      <c r="D6" s="21">
        <v>0.29199999999999998</v>
      </c>
      <c r="E6" s="21">
        <v>0.32800000000000001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8" t="s">
        <v>153</v>
      </c>
      <c r="B7" s="20">
        <v>255</v>
      </c>
      <c r="C7" s="20">
        <v>934</v>
      </c>
      <c r="D7" s="20">
        <v>1220</v>
      </c>
      <c r="E7" s="20">
        <v>1490</v>
      </c>
      <c r="F7" s="20">
        <v>10</v>
      </c>
      <c r="G7" s="20">
        <v>3909</v>
      </c>
    </row>
    <row r="8" spans="1:19">
      <c r="A8" s="79"/>
      <c r="B8" s="21">
        <v>6.5000000000000002E-2</v>
      </c>
      <c r="C8" s="21">
        <v>0.23899999999999999</v>
      </c>
      <c r="D8" s="21">
        <v>0.312</v>
      </c>
      <c r="E8" s="21">
        <v>0.38100000000000001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145</v>
      </c>
      <c r="B9" s="24">
        <v>69</v>
      </c>
      <c r="C9" s="24">
        <v>157</v>
      </c>
      <c r="D9" s="24">
        <v>227</v>
      </c>
      <c r="E9" s="24">
        <v>365</v>
      </c>
      <c r="F9" s="24">
        <v>4</v>
      </c>
      <c r="G9" s="24">
        <v>822</v>
      </c>
    </row>
    <row r="10" spans="1:19">
      <c r="A10" s="99"/>
      <c r="B10" s="21">
        <v>8.4000000000000005E-2</v>
      </c>
      <c r="C10" s="21">
        <v>0.191</v>
      </c>
      <c r="D10" s="21">
        <v>0.27600000000000002</v>
      </c>
      <c r="E10" s="21">
        <v>0.44400000000000001</v>
      </c>
      <c r="F10" s="21">
        <v>5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34</v>
      </c>
      <c r="C11" s="24">
        <v>118</v>
      </c>
      <c r="D11" s="24">
        <v>165</v>
      </c>
      <c r="E11" s="24">
        <v>250</v>
      </c>
      <c r="F11" s="24">
        <v>3</v>
      </c>
      <c r="G11" s="24">
        <v>570</v>
      </c>
    </row>
    <row r="12" spans="1:19">
      <c r="A12" s="99"/>
      <c r="B12" s="21">
        <v>0.06</v>
      </c>
      <c r="C12" s="21">
        <v>0.20699999999999999</v>
      </c>
      <c r="D12" s="21">
        <v>0.28899999999999998</v>
      </c>
      <c r="E12" s="21">
        <v>0.439</v>
      </c>
      <c r="F12" s="21">
        <v>5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 ht="13.9" customHeight="1">
      <c r="A13" s="73" t="s">
        <v>15</v>
      </c>
      <c r="B13" s="20">
        <v>413</v>
      </c>
      <c r="C13" s="20">
        <v>1378</v>
      </c>
      <c r="D13" s="20">
        <v>1786</v>
      </c>
      <c r="E13" s="20">
        <v>2300</v>
      </c>
      <c r="F13" s="20">
        <v>19</v>
      </c>
      <c r="G13" s="20">
        <v>5896</v>
      </c>
    </row>
    <row r="14" spans="1:19">
      <c r="A14" s="74"/>
      <c r="B14" s="21">
        <v>7.0000000000000007E-2</v>
      </c>
      <c r="C14" s="21">
        <v>0.23400000000000001</v>
      </c>
      <c r="D14" s="21">
        <v>0.30299999999999999</v>
      </c>
      <c r="E14" s="21">
        <v>0.39</v>
      </c>
      <c r="F14" s="21">
        <v>3.000000000000000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ht="34.5" customHeight="1">
      <c r="A15" s="71" t="s">
        <v>217</v>
      </c>
      <c r="B15" s="96"/>
      <c r="C15" s="96"/>
      <c r="D15" s="96"/>
      <c r="E15" s="96"/>
      <c r="F15" s="96"/>
      <c r="G15" s="96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8"/>
  <dimension ref="A1:R17"/>
  <sheetViews>
    <sheetView workbookViewId="0">
      <selection activeCell="A2" sqref="A2"/>
    </sheetView>
  </sheetViews>
  <sheetFormatPr defaultColWidth="9" defaultRowHeight="14.25"/>
  <cols>
    <col min="1" max="1" width="11.625" style="18" customWidth="1"/>
    <col min="2" max="2" width="8.875" style="18" customWidth="1"/>
    <col min="3" max="3" width="9.5" style="18" bestFit="1" customWidth="1"/>
    <col min="4" max="6" width="8.875" style="18" customWidth="1"/>
    <col min="7" max="16384" width="9" style="18"/>
  </cols>
  <sheetData>
    <row r="1" spans="1:18">
      <c r="A1" s="70" t="s">
        <v>463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1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226</v>
      </c>
      <c r="D4" s="11" t="s">
        <v>44</v>
      </c>
      <c r="E4" s="11" t="s">
        <v>22</v>
      </c>
      <c r="F4" s="11" t="s">
        <v>15</v>
      </c>
    </row>
    <row r="5" spans="1:18">
      <c r="A5" s="73" t="s">
        <v>152</v>
      </c>
      <c r="B5" s="20">
        <v>61</v>
      </c>
      <c r="C5" s="20">
        <v>131</v>
      </c>
      <c r="D5" s="20">
        <v>402</v>
      </c>
      <c r="E5" s="20">
        <v>1</v>
      </c>
      <c r="F5" s="20">
        <v>595</v>
      </c>
    </row>
    <row r="6" spans="1:18">
      <c r="A6" s="77"/>
      <c r="B6" s="21">
        <v>0.10299999999999999</v>
      </c>
      <c r="C6" s="21">
        <v>0.22</v>
      </c>
      <c r="D6" s="21">
        <v>0.67600000000000005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153</v>
      </c>
      <c r="B7" s="20">
        <v>364</v>
      </c>
      <c r="C7" s="20">
        <v>728</v>
      </c>
      <c r="D7" s="20">
        <v>2795</v>
      </c>
      <c r="E7" s="20">
        <v>22</v>
      </c>
      <c r="F7" s="20">
        <v>3909</v>
      </c>
    </row>
    <row r="8" spans="1:18">
      <c r="A8" s="79"/>
      <c r="B8" s="21">
        <v>9.2999999999999999E-2</v>
      </c>
      <c r="C8" s="21">
        <v>0.186</v>
      </c>
      <c r="D8" s="21">
        <v>0.71499999999999997</v>
      </c>
      <c r="E8" s="21">
        <v>6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145</v>
      </c>
      <c r="B9" s="24">
        <v>77</v>
      </c>
      <c r="C9" s="24">
        <v>143</v>
      </c>
      <c r="D9" s="24">
        <v>595</v>
      </c>
      <c r="E9" s="24">
        <v>7</v>
      </c>
      <c r="F9" s="24">
        <v>822</v>
      </c>
    </row>
    <row r="10" spans="1:18">
      <c r="A10" s="99"/>
      <c r="B10" s="21">
        <v>9.4E-2</v>
      </c>
      <c r="C10" s="21">
        <v>0.17399999999999999</v>
      </c>
      <c r="D10" s="21">
        <v>0.72399999999999998</v>
      </c>
      <c r="E10" s="21">
        <v>8.9999999999999993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69</v>
      </c>
      <c r="C11" s="24">
        <v>95</v>
      </c>
      <c r="D11" s="24">
        <v>405</v>
      </c>
      <c r="E11" s="24">
        <v>1</v>
      </c>
      <c r="F11" s="24">
        <v>570</v>
      </c>
    </row>
    <row r="12" spans="1:18">
      <c r="A12" s="99"/>
      <c r="B12" s="21">
        <v>0.121</v>
      </c>
      <c r="C12" s="21">
        <v>0.16700000000000001</v>
      </c>
      <c r="D12" s="21">
        <v>0.71099999999999997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571</v>
      </c>
      <c r="C13" s="20">
        <v>1097</v>
      </c>
      <c r="D13" s="20">
        <v>4197</v>
      </c>
      <c r="E13" s="20">
        <v>31</v>
      </c>
      <c r="F13" s="20">
        <v>5896</v>
      </c>
    </row>
    <row r="14" spans="1:18">
      <c r="A14" s="74"/>
      <c r="B14" s="21">
        <v>9.7000000000000003E-2</v>
      </c>
      <c r="C14" s="21">
        <v>0.186</v>
      </c>
      <c r="D14" s="21">
        <v>0.71199999999999997</v>
      </c>
      <c r="E14" s="21">
        <v>5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71" t="s">
        <v>227</v>
      </c>
      <c r="B15" s="71"/>
      <c r="C15" s="71"/>
      <c r="D15" s="71"/>
      <c r="E15" s="71"/>
      <c r="F15" s="71"/>
      <c r="K15" s="22"/>
      <c r="L15" s="22"/>
      <c r="M15" s="22"/>
      <c r="N15" s="22"/>
      <c r="O15" s="22"/>
    </row>
    <row r="16" spans="1:18">
      <c r="A16" s="81"/>
      <c r="B16" s="81"/>
      <c r="C16" s="81"/>
      <c r="D16" s="81"/>
      <c r="E16" s="81"/>
      <c r="F16" s="81"/>
      <c r="K16" s="22"/>
      <c r="L16" s="22"/>
      <c r="M16" s="22"/>
      <c r="N16" s="22"/>
      <c r="O16" s="22"/>
      <c r="P16" s="22"/>
    </row>
    <row r="17" spans="1:6">
      <c r="A17" s="81"/>
      <c r="B17" s="81"/>
      <c r="C17" s="81"/>
      <c r="D17" s="81"/>
      <c r="E17" s="81"/>
      <c r="F17" s="81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9"/>
  <dimension ref="A1:R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9" style="18" customWidth="1"/>
    <col min="4" max="4" width="13.5" style="18" customWidth="1"/>
    <col min="5" max="6" width="9" style="18" customWidth="1"/>
    <col min="7" max="16384" width="9" style="18"/>
  </cols>
  <sheetData>
    <row r="1" spans="1:18">
      <c r="A1" s="70" t="s">
        <v>464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 ht="14.25" customHeight="1">
      <c r="A3" s="84" t="s">
        <v>241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107</v>
      </c>
      <c r="E4" s="11" t="s">
        <v>22</v>
      </c>
      <c r="F4" s="11" t="s">
        <v>15</v>
      </c>
    </row>
    <row r="5" spans="1:18">
      <c r="A5" s="73" t="s">
        <v>152</v>
      </c>
      <c r="B5" s="20">
        <v>278</v>
      </c>
      <c r="C5" s="20">
        <v>218</v>
      </c>
      <c r="D5" s="20">
        <v>98</v>
      </c>
      <c r="E5" s="20">
        <v>1</v>
      </c>
      <c r="F5" s="20">
        <v>595</v>
      </c>
    </row>
    <row r="6" spans="1:18">
      <c r="A6" s="77"/>
      <c r="B6" s="21">
        <v>0.46700000000000003</v>
      </c>
      <c r="C6" s="21">
        <v>0.36599999999999999</v>
      </c>
      <c r="D6" s="21">
        <v>0.16500000000000001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153</v>
      </c>
      <c r="B7" s="20">
        <v>1583</v>
      </c>
      <c r="C7" s="20">
        <v>1736</v>
      </c>
      <c r="D7" s="20">
        <v>583</v>
      </c>
      <c r="E7" s="53">
        <v>7</v>
      </c>
      <c r="F7" s="20">
        <v>3909</v>
      </c>
    </row>
    <row r="8" spans="1:18">
      <c r="A8" s="79"/>
      <c r="B8" s="21">
        <v>0.40500000000000003</v>
      </c>
      <c r="C8" s="21">
        <v>0.44400000000000001</v>
      </c>
      <c r="D8" s="21">
        <v>0.14899999999999999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145</v>
      </c>
      <c r="B9" s="24">
        <v>295</v>
      </c>
      <c r="C9" s="24">
        <v>397</v>
      </c>
      <c r="D9" s="24">
        <v>127</v>
      </c>
      <c r="E9" s="24">
        <v>3</v>
      </c>
      <c r="F9" s="24">
        <v>822</v>
      </c>
    </row>
    <row r="10" spans="1:18">
      <c r="A10" s="99"/>
      <c r="B10" s="21">
        <v>0.35899999999999999</v>
      </c>
      <c r="C10" s="21">
        <v>0.48299999999999998</v>
      </c>
      <c r="D10" s="21">
        <v>0.155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208</v>
      </c>
      <c r="C11" s="24">
        <v>268</v>
      </c>
      <c r="D11" s="24">
        <v>92</v>
      </c>
      <c r="E11" s="24">
        <v>2</v>
      </c>
      <c r="F11" s="24">
        <v>570</v>
      </c>
    </row>
    <row r="12" spans="1:18">
      <c r="A12" s="99"/>
      <c r="B12" s="21">
        <v>0.36499999999999999</v>
      </c>
      <c r="C12" s="21">
        <v>0.47</v>
      </c>
      <c r="D12" s="21">
        <v>0.161</v>
      </c>
      <c r="E12" s="21">
        <v>4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2364</v>
      </c>
      <c r="C13" s="20">
        <v>2619</v>
      </c>
      <c r="D13" s="20">
        <v>900</v>
      </c>
      <c r="E13" s="20">
        <v>13</v>
      </c>
      <c r="F13" s="20">
        <v>5896</v>
      </c>
    </row>
    <row r="14" spans="1:18">
      <c r="A14" s="74"/>
      <c r="B14" s="21">
        <v>0.40100000000000002</v>
      </c>
      <c r="C14" s="21">
        <v>0.44400000000000001</v>
      </c>
      <c r="D14" s="21">
        <v>0.153</v>
      </c>
      <c r="E14" s="21">
        <v>2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71" t="s">
        <v>261</v>
      </c>
      <c r="B15" s="96"/>
      <c r="C15" s="96"/>
      <c r="D15" s="96"/>
      <c r="E15" s="96"/>
      <c r="F15" s="96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0"/>
  <dimension ref="A1:S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4" width="9" style="18" customWidth="1"/>
    <col min="5" max="5" width="11.75" style="18" customWidth="1"/>
    <col min="6" max="7" width="9" style="18" customWidth="1"/>
    <col min="8" max="16384" width="9" style="18"/>
  </cols>
  <sheetData>
    <row r="1" spans="1:19">
      <c r="A1" s="70" t="s">
        <v>465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1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9">
      <c r="A5" s="73" t="s">
        <v>152</v>
      </c>
      <c r="B5" s="20">
        <v>108</v>
      </c>
      <c r="C5" s="20">
        <v>61</v>
      </c>
      <c r="D5" s="20">
        <v>14</v>
      </c>
      <c r="E5" s="20">
        <v>94</v>
      </c>
      <c r="F5" s="20">
        <v>1</v>
      </c>
      <c r="G5" s="20">
        <v>278</v>
      </c>
    </row>
    <row r="6" spans="1:19">
      <c r="A6" s="77"/>
      <c r="B6" s="21">
        <v>0.38800000000000001</v>
      </c>
      <c r="C6" s="21">
        <v>0.219</v>
      </c>
      <c r="D6" s="21">
        <v>0.05</v>
      </c>
      <c r="E6" s="21">
        <v>0.33800000000000002</v>
      </c>
      <c r="F6" s="21">
        <v>4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53</v>
      </c>
      <c r="B7" s="24">
        <v>752</v>
      </c>
      <c r="C7" s="24">
        <v>327</v>
      </c>
      <c r="D7" s="24">
        <v>54</v>
      </c>
      <c r="E7" s="24">
        <v>449</v>
      </c>
      <c r="F7" s="24">
        <v>1</v>
      </c>
      <c r="G7" s="20">
        <v>1583</v>
      </c>
      <c r="L7" s="22"/>
      <c r="M7" s="22"/>
      <c r="N7" s="22"/>
      <c r="O7" s="22"/>
      <c r="P7" s="22"/>
    </row>
    <row r="8" spans="1:19">
      <c r="A8" s="79"/>
      <c r="B8" s="21">
        <v>0.47499999999999998</v>
      </c>
      <c r="C8" s="21">
        <v>0.20699999999999999</v>
      </c>
      <c r="D8" s="21">
        <v>3.4000000000000002E-2</v>
      </c>
      <c r="E8" s="21">
        <v>0.28399999999999997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145</v>
      </c>
      <c r="B9" s="24">
        <v>138</v>
      </c>
      <c r="C9" s="24">
        <v>57</v>
      </c>
      <c r="D9" s="24">
        <v>6</v>
      </c>
      <c r="E9" s="24">
        <v>94</v>
      </c>
      <c r="F9" s="24">
        <v>0</v>
      </c>
      <c r="G9" s="24">
        <v>295</v>
      </c>
    </row>
    <row r="10" spans="1:19">
      <c r="A10" s="99"/>
      <c r="B10" s="21">
        <v>0.46800000000000003</v>
      </c>
      <c r="C10" s="21">
        <v>0.193</v>
      </c>
      <c r="D10" s="21">
        <v>0.02</v>
      </c>
      <c r="E10" s="21">
        <v>0.31900000000000001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79</v>
      </c>
      <c r="C11" s="24">
        <v>41</v>
      </c>
      <c r="D11" s="24">
        <v>5</v>
      </c>
      <c r="E11" s="24">
        <v>79</v>
      </c>
      <c r="F11" s="24">
        <v>4</v>
      </c>
      <c r="G11" s="24">
        <v>208</v>
      </c>
    </row>
    <row r="12" spans="1:19">
      <c r="A12" s="99"/>
      <c r="B12" s="21">
        <v>0.38</v>
      </c>
      <c r="C12" s="21">
        <v>0.19700000000000001</v>
      </c>
      <c r="D12" s="21">
        <v>2.4E-2</v>
      </c>
      <c r="E12" s="21">
        <v>0.38</v>
      </c>
      <c r="F12" s="21">
        <v>1.9E-2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1077</v>
      </c>
      <c r="C13" s="20">
        <v>486</v>
      </c>
      <c r="D13" s="20">
        <v>79</v>
      </c>
      <c r="E13" s="20">
        <v>716</v>
      </c>
      <c r="F13" s="20">
        <v>6</v>
      </c>
      <c r="G13" s="20">
        <v>2364</v>
      </c>
    </row>
    <row r="14" spans="1:19">
      <c r="A14" s="74"/>
      <c r="B14" s="21">
        <v>0.45600000000000002</v>
      </c>
      <c r="C14" s="21">
        <v>0.20599999999999999</v>
      </c>
      <c r="D14" s="21">
        <v>3.3000000000000002E-2</v>
      </c>
      <c r="E14" s="21">
        <v>0.30299999999999999</v>
      </c>
      <c r="F14" s="21">
        <v>3.000000000000000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71" t="s">
        <v>218</v>
      </c>
      <c r="B15" s="96"/>
      <c r="C15" s="96"/>
      <c r="D15" s="96"/>
      <c r="E15" s="96"/>
      <c r="F15" s="96"/>
      <c r="G15" s="96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1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1"/>
  <dimension ref="A1:Q14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2" width="18.375" style="18" bestFit="1" customWidth="1"/>
    <col min="3" max="3" width="25" style="18" bestFit="1" customWidth="1"/>
    <col min="4" max="4" width="9.75" style="18" customWidth="1"/>
    <col min="5" max="5" width="9.875" style="18" customWidth="1"/>
    <col min="6" max="16384" width="9" style="18"/>
  </cols>
  <sheetData>
    <row r="1" spans="1:17">
      <c r="A1" s="70" t="s">
        <v>466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40</v>
      </c>
      <c r="B3" s="76" t="s">
        <v>117</v>
      </c>
      <c r="C3" s="76"/>
      <c r="D3" s="76"/>
      <c r="E3" s="76"/>
    </row>
    <row r="4" spans="1:17" ht="28.5">
      <c r="A4" s="84"/>
      <c r="B4" s="11" t="s">
        <v>187</v>
      </c>
      <c r="C4" s="11" t="s">
        <v>188</v>
      </c>
      <c r="D4" s="11" t="s">
        <v>22</v>
      </c>
      <c r="E4" s="11" t="s">
        <v>15</v>
      </c>
    </row>
    <row r="5" spans="1:17">
      <c r="A5" s="73" t="s">
        <v>43</v>
      </c>
      <c r="B5" s="20">
        <v>2307</v>
      </c>
      <c r="C5" s="20">
        <v>1165</v>
      </c>
      <c r="D5" s="20">
        <v>3</v>
      </c>
      <c r="E5" s="20">
        <v>3475</v>
      </c>
    </row>
    <row r="6" spans="1:17">
      <c r="A6" s="77"/>
      <c r="B6" s="21">
        <v>0.66400000000000003</v>
      </c>
      <c r="C6" s="21">
        <v>0.33500000000000002</v>
      </c>
      <c r="D6" s="21">
        <v>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44</v>
      </c>
      <c r="B7" s="20">
        <v>1707</v>
      </c>
      <c r="C7" s="20">
        <v>853</v>
      </c>
      <c r="D7" s="20">
        <v>2</v>
      </c>
      <c r="E7" s="20">
        <v>2562</v>
      </c>
    </row>
    <row r="8" spans="1:17">
      <c r="A8" s="79"/>
      <c r="B8" s="21">
        <v>0.66600000000000004</v>
      </c>
      <c r="C8" s="21">
        <v>0.33300000000000002</v>
      </c>
      <c r="D8" s="21">
        <v>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24</v>
      </c>
      <c r="C9" s="24">
        <v>9</v>
      </c>
      <c r="D9" s="24">
        <v>0</v>
      </c>
      <c r="E9" s="24">
        <v>33</v>
      </c>
    </row>
    <row r="10" spans="1:17">
      <c r="A10" s="99"/>
      <c r="B10" s="21">
        <v>0.72699999999999998</v>
      </c>
      <c r="C10" s="21">
        <v>0.27300000000000002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4038</v>
      </c>
      <c r="C11" s="20">
        <v>2027</v>
      </c>
      <c r="D11" s="20">
        <v>5</v>
      </c>
      <c r="E11" s="20">
        <v>6070</v>
      </c>
    </row>
    <row r="12" spans="1:17">
      <c r="A12" s="74"/>
      <c r="B12" s="21">
        <v>0.66500000000000004</v>
      </c>
      <c r="C12" s="21">
        <v>0.33400000000000002</v>
      </c>
      <c r="D12" s="21">
        <v>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1" t="s">
        <v>155</v>
      </c>
      <c r="B13" s="96"/>
      <c r="C13" s="96"/>
      <c r="D13" s="96"/>
      <c r="E13" s="96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  <c r="J14" s="22"/>
      <c r="K14" s="22"/>
      <c r="L14" s="22"/>
      <c r="M14" s="22"/>
      <c r="N14" s="22"/>
      <c r="O14" s="22"/>
    </row>
  </sheetData>
  <mergeCells count="8">
    <mergeCell ref="A9:A10"/>
    <mergeCell ref="A11:A12"/>
    <mergeCell ref="A13:E13"/>
    <mergeCell ref="A1:E1"/>
    <mergeCell ref="A3:A4"/>
    <mergeCell ref="B3:E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1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2"/>
  <dimension ref="A1:R14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13.875" style="18" bestFit="1" customWidth="1"/>
    <col min="4" max="4" width="9.5" style="18" bestFit="1" customWidth="1"/>
    <col min="5" max="6" width="9" style="18" customWidth="1"/>
    <col min="7" max="16384" width="9" style="18"/>
  </cols>
  <sheetData>
    <row r="1" spans="1:18">
      <c r="A1" s="70" t="s">
        <v>467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0</v>
      </c>
      <c r="B3" s="76" t="s">
        <v>118</v>
      </c>
      <c r="C3" s="76"/>
      <c r="D3" s="76"/>
      <c r="E3" s="76"/>
      <c r="F3" s="76"/>
    </row>
    <row r="4" spans="1:18">
      <c r="A4" s="84"/>
      <c r="B4" s="11" t="s">
        <v>52</v>
      </c>
      <c r="C4" s="11" t="s">
        <v>53</v>
      </c>
      <c r="D4" s="11" t="s">
        <v>54</v>
      </c>
      <c r="E4" s="11" t="s">
        <v>22</v>
      </c>
      <c r="F4" s="11" t="s">
        <v>15</v>
      </c>
    </row>
    <row r="5" spans="1:18">
      <c r="A5" s="73" t="s">
        <v>43</v>
      </c>
      <c r="B5" s="20">
        <v>346</v>
      </c>
      <c r="C5" s="20">
        <v>1657</v>
      </c>
      <c r="D5" s="20">
        <v>1471</v>
      </c>
      <c r="E5" s="20">
        <v>1</v>
      </c>
      <c r="F5" s="20">
        <v>3475</v>
      </c>
    </row>
    <row r="6" spans="1:18">
      <c r="A6" s="77"/>
      <c r="B6" s="21">
        <v>0.1</v>
      </c>
      <c r="C6" s="21">
        <v>0.47699999999999998</v>
      </c>
      <c r="D6" s="21">
        <v>0.42299999999999999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44</v>
      </c>
      <c r="B7" s="20">
        <v>202</v>
      </c>
      <c r="C7" s="20">
        <v>1070</v>
      </c>
      <c r="D7" s="20">
        <v>1288</v>
      </c>
      <c r="E7" s="20">
        <v>2</v>
      </c>
      <c r="F7" s="20">
        <v>2562</v>
      </c>
    </row>
    <row r="8" spans="1:18">
      <c r="A8" s="79"/>
      <c r="B8" s="21">
        <v>7.9000000000000001E-2</v>
      </c>
      <c r="C8" s="21">
        <v>0.41799999999999998</v>
      </c>
      <c r="D8" s="21">
        <v>0.503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5</v>
      </c>
      <c r="C9" s="24">
        <v>13</v>
      </c>
      <c r="D9" s="24">
        <v>15</v>
      </c>
      <c r="E9" s="24">
        <v>0</v>
      </c>
      <c r="F9" s="24">
        <v>33</v>
      </c>
    </row>
    <row r="10" spans="1:18">
      <c r="A10" s="99"/>
      <c r="B10" s="21">
        <v>0.152</v>
      </c>
      <c r="C10" s="21">
        <v>0.39400000000000002</v>
      </c>
      <c r="D10" s="21">
        <v>0.45500000000000002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553</v>
      </c>
      <c r="C11" s="20">
        <v>2740</v>
      </c>
      <c r="D11" s="20">
        <v>2774</v>
      </c>
      <c r="E11" s="20">
        <v>3</v>
      </c>
      <c r="F11" s="20">
        <v>6070</v>
      </c>
    </row>
    <row r="12" spans="1:18">
      <c r="A12" s="74"/>
      <c r="B12" s="21">
        <v>9.0999999999999998E-2</v>
      </c>
      <c r="C12" s="21">
        <v>0.45100000000000001</v>
      </c>
      <c r="D12" s="21">
        <v>0.45700000000000002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58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O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11.375" style="18" customWidth="1"/>
    <col min="3" max="3" width="9.125" style="18" customWidth="1"/>
    <col min="4" max="4" width="9.375" style="18" customWidth="1"/>
    <col min="5" max="5" width="8.25" style="18" customWidth="1"/>
    <col min="6" max="16384" width="9" style="18"/>
  </cols>
  <sheetData>
    <row r="1" spans="1:15">
      <c r="A1" s="70" t="s">
        <v>17</v>
      </c>
      <c r="B1" s="70"/>
      <c r="C1" s="70"/>
      <c r="D1" s="70"/>
      <c r="E1" s="70"/>
      <c r="F1" s="70"/>
    </row>
    <row r="2" spans="1:15">
      <c r="A2" s="121" t="s">
        <v>613</v>
      </c>
      <c r="B2" s="36"/>
      <c r="C2" s="36"/>
      <c r="D2" s="36"/>
      <c r="E2" s="36"/>
      <c r="F2" s="36"/>
    </row>
    <row r="3" spans="1:15">
      <c r="A3" s="75" t="s">
        <v>6</v>
      </c>
      <c r="B3" s="76" t="s">
        <v>614</v>
      </c>
      <c r="C3" s="76"/>
      <c r="D3" s="76"/>
      <c r="E3" s="76"/>
      <c r="F3" s="76"/>
    </row>
    <row r="4" spans="1:15" ht="28.5">
      <c r="A4" s="75"/>
      <c r="B4" s="11" t="s">
        <v>19</v>
      </c>
      <c r="C4" s="11" t="s">
        <v>20</v>
      </c>
      <c r="D4" s="11" t="s">
        <v>21</v>
      </c>
      <c r="E4" s="11" t="s">
        <v>22</v>
      </c>
      <c r="F4" s="11" t="s">
        <v>15</v>
      </c>
    </row>
    <row r="5" spans="1:15">
      <c r="A5" s="73" t="s">
        <v>7</v>
      </c>
      <c r="B5" s="20">
        <v>1144</v>
      </c>
      <c r="C5" s="20">
        <v>1270</v>
      </c>
      <c r="D5" s="20">
        <v>94</v>
      </c>
      <c r="E5" s="20">
        <v>9</v>
      </c>
      <c r="F5" s="20">
        <v>2517</v>
      </c>
    </row>
    <row r="6" spans="1:15">
      <c r="A6" s="77"/>
      <c r="B6" s="21">
        <v>0.45500000000000002</v>
      </c>
      <c r="C6" s="21">
        <v>0.505</v>
      </c>
      <c r="D6" s="21">
        <v>3.6999999999999998E-2</v>
      </c>
      <c r="E6" s="21">
        <v>4.0000000000000001E-3</v>
      </c>
      <c r="F6" s="21">
        <v>1</v>
      </c>
    </row>
    <row r="7" spans="1:15">
      <c r="A7" s="73" t="s">
        <v>8</v>
      </c>
      <c r="B7" s="24">
        <v>248</v>
      </c>
      <c r="C7" s="24">
        <v>262</v>
      </c>
      <c r="D7" s="24">
        <v>18</v>
      </c>
      <c r="E7" s="24">
        <v>1</v>
      </c>
      <c r="F7" s="20">
        <v>529</v>
      </c>
      <c r="K7" s="22"/>
      <c r="L7" s="22"/>
      <c r="M7" s="22"/>
      <c r="N7" s="22"/>
      <c r="O7" s="22"/>
    </row>
    <row r="8" spans="1:15">
      <c r="A8" s="74"/>
      <c r="B8" s="21">
        <v>0.46899999999999997</v>
      </c>
      <c r="C8" s="21">
        <v>0.495</v>
      </c>
      <c r="D8" s="21">
        <v>3.4000000000000002E-2</v>
      </c>
      <c r="E8" s="21">
        <v>2E-3</v>
      </c>
      <c r="F8" s="21">
        <v>1</v>
      </c>
    </row>
    <row r="9" spans="1:15">
      <c r="A9" s="73" t="s">
        <v>9</v>
      </c>
      <c r="B9" s="24">
        <v>405</v>
      </c>
      <c r="C9" s="24">
        <v>463</v>
      </c>
      <c r="D9" s="24">
        <v>46</v>
      </c>
      <c r="E9" s="24">
        <v>2</v>
      </c>
      <c r="F9" s="24">
        <v>916</v>
      </c>
      <c r="K9" s="22"/>
      <c r="L9" s="22"/>
      <c r="M9" s="22"/>
      <c r="N9" s="22"/>
      <c r="O9" s="22"/>
    </row>
    <row r="10" spans="1:15">
      <c r="A10" s="74"/>
      <c r="B10" s="21">
        <v>0.442</v>
      </c>
      <c r="C10" s="21">
        <v>0.505</v>
      </c>
      <c r="D10" s="21">
        <v>0.05</v>
      </c>
      <c r="E10" s="21">
        <v>2E-3</v>
      </c>
      <c r="F10" s="21">
        <v>1</v>
      </c>
    </row>
    <row r="11" spans="1:15">
      <c r="A11" s="78" t="s">
        <v>10</v>
      </c>
      <c r="B11" s="24">
        <v>140</v>
      </c>
      <c r="C11" s="24">
        <v>122</v>
      </c>
      <c r="D11" s="24">
        <v>4</v>
      </c>
      <c r="E11" s="24">
        <v>1</v>
      </c>
      <c r="F11" s="24">
        <v>267</v>
      </c>
      <c r="K11" s="22"/>
      <c r="L11" s="22"/>
      <c r="M11" s="22"/>
      <c r="N11" s="22"/>
      <c r="O11" s="22"/>
    </row>
    <row r="12" spans="1:15">
      <c r="A12" s="79"/>
      <c r="B12" s="21">
        <v>0.52400000000000002</v>
      </c>
      <c r="C12" s="21">
        <v>0.45700000000000002</v>
      </c>
      <c r="D12" s="21">
        <v>1.4999999999999999E-2</v>
      </c>
      <c r="E12" s="21">
        <v>4.0000000000000001E-3</v>
      </c>
      <c r="F12" s="21">
        <v>1</v>
      </c>
    </row>
    <row r="13" spans="1:15">
      <c r="A13" s="73" t="s">
        <v>11</v>
      </c>
      <c r="B13" s="24">
        <v>98</v>
      </c>
      <c r="C13" s="24">
        <v>125</v>
      </c>
      <c r="D13" s="24">
        <v>14</v>
      </c>
      <c r="E13" s="24">
        <v>0</v>
      </c>
      <c r="F13" s="24">
        <v>237</v>
      </c>
      <c r="K13" s="22"/>
      <c r="L13" s="22"/>
      <c r="M13" s="22"/>
      <c r="N13" s="22"/>
      <c r="O13" s="22"/>
    </row>
    <row r="14" spans="1:15">
      <c r="A14" s="74"/>
      <c r="B14" s="21">
        <v>0.41399999999999998</v>
      </c>
      <c r="C14" s="21">
        <v>0.52700000000000002</v>
      </c>
      <c r="D14" s="21">
        <v>5.8999999999999997E-2</v>
      </c>
      <c r="E14" s="21">
        <v>0</v>
      </c>
      <c r="F14" s="21">
        <v>1</v>
      </c>
    </row>
    <row r="15" spans="1:15">
      <c r="A15" s="73" t="s">
        <v>12</v>
      </c>
      <c r="B15" s="24">
        <v>108</v>
      </c>
      <c r="C15" s="24">
        <v>116</v>
      </c>
      <c r="D15" s="24">
        <v>7</v>
      </c>
      <c r="E15" s="24">
        <v>0</v>
      </c>
      <c r="F15" s="24">
        <v>231</v>
      </c>
      <c r="K15" s="22"/>
      <c r="L15" s="22"/>
      <c r="M15" s="22"/>
      <c r="N15" s="22"/>
      <c r="O15" s="22"/>
    </row>
    <row r="16" spans="1:15">
      <c r="A16" s="74"/>
      <c r="B16" s="21">
        <v>0.46800000000000003</v>
      </c>
      <c r="C16" s="21">
        <v>0.502</v>
      </c>
      <c r="D16" s="21">
        <v>0.03</v>
      </c>
      <c r="E16" s="21">
        <v>0</v>
      </c>
      <c r="F16" s="21">
        <v>1</v>
      </c>
    </row>
    <row r="17" spans="1:15" s="23" customFormat="1">
      <c r="A17" s="73" t="s">
        <v>13</v>
      </c>
      <c r="B17" s="20">
        <v>469</v>
      </c>
      <c r="C17" s="20">
        <v>626</v>
      </c>
      <c r="D17" s="20">
        <v>49</v>
      </c>
      <c r="E17" s="20">
        <v>2</v>
      </c>
      <c r="F17" s="20">
        <v>1146</v>
      </c>
    </row>
    <row r="18" spans="1:15">
      <c r="A18" s="74"/>
      <c r="B18" s="21">
        <v>0.40899999999999997</v>
      </c>
      <c r="C18" s="21">
        <v>0.54600000000000004</v>
      </c>
      <c r="D18" s="21">
        <v>4.2999999999999997E-2</v>
      </c>
      <c r="E18" s="21">
        <v>2E-3</v>
      </c>
      <c r="F18" s="21">
        <v>1</v>
      </c>
    </row>
    <row r="19" spans="1:15">
      <c r="A19" s="73" t="s">
        <v>14</v>
      </c>
      <c r="B19" s="24">
        <v>80</v>
      </c>
      <c r="C19" s="24">
        <v>92</v>
      </c>
      <c r="D19" s="24">
        <v>7</v>
      </c>
      <c r="E19" s="24">
        <v>0</v>
      </c>
      <c r="F19" s="24">
        <v>179</v>
      </c>
      <c r="K19" s="22"/>
      <c r="L19" s="22"/>
      <c r="M19" s="22"/>
      <c r="N19" s="22"/>
      <c r="O19" s="22"/>
    </row>
    <row r="20" spans="1:15">
      <c r="A20" s="74"/>
      <c r="B20" s="21">
        <v>0.44700000000000001</v>
      </c>
      <c r="C20" s="21">
        <v>0.51400000000000001</v>
      </c>
      <c r="D20" s="21">
        <v>3.9E-2</v>
      </c>
      <c r="E20" s="21">
        <v>0</v>
      </c>
      <c r="F20" s="21">
        <v>1</v>
      </c>
    </row>
    <row r="21" spans="1:15">
      <c r="A21" s="72" t="s">
        <v>22</v>
      </c>
      <c r="B21" s="34">
        <v>22</v>
      </c>
      <c r="C21" s="34">
        <v>22</v>
      </c>
      <c r="D21" s="34">
        <v>4</v>
      </c>
      <c r="E21" s="34">
        <v>0</v>
      </c>
      <c r="F21" s="34">
        <v>48</v>
      </c>
      <c r="K21" s="22"/>
      <c r="L21" s="22"/>
      <c r="M21" s="22"/>
      <c r="N21" s="22"/>
      <c r="O21" s="22"/>
    </row>
    <row r="22" spans="1:15" s="26" customFormat="1">
      <c r="A22" s="72"/>
      <c r="B22" s="33">
        <v>0.45800000000000002</v>
      </c>
      <c r="C22" s="33">
        <v>0.45800000000000002</v>
      </c>
      <c r="D22" s="33">
        <v>8.3000000000000004E-2</v>
      </c>
      <c r="E22" s="33">
        <v>0</v>
      </c>
      <c r="F22" s="33">
        <v>1</v>
      </c>
    </row>
    <row r="23" spans="1:15" s="23" customFormat="1" ht="13.9" customHeight="1">
      <c r="A23" s="73" t="s">
        <v>15</v>
      </c>
      <c r="B23" s="20">
        <v>2714</v>
      </c>
      <c r="C23" s="20">
        <v>3098</v>
      </c>
      <c r="D23" s="20">
        <v>243</v>
      </c>
      <c r="E23" s="20">
        <v>15</v>
      </c>
      <c r="F23" s="20">
        <v>6070</v>
      </c>
    </row>
    <row r="24" spans="1:15">
      <c r="A24" s="74"/>
      <c r="B24" s="21">
        <v>0.44700000000000001</v>
      </c>
      <c r="C24" s="21">
        <v>0.51</v>
      </c>
      <c r="D24" s="21">
        <v>0.04</v>
      </c>
      <c r="E24" s="21">
        <v>2E-3</v>
      </c>
      <c r="F24" s="21">
        <v>1</v>
      </c>
    </row>
    <row r="25" spans="1:15" ht="31.15" customHeight="1">
      <c r="A25" s="71" t="s">
        <v>18</v>
      </c>
      <c r="B25" s="71"/>
      <c r="C25" s="71"/>
      <c r="D25" s="71"/>
      <c r="E25" s="71"/>
      <c r="F25" s="71"/>
      <c r="K25" s="22"/>
      <c r="L25" s="22"/>
      <c r="M25" s="22"/>
      <c r="N25" s="22"/>
      <c r="O25" s="22"/>
    </row>
    <row r="26" spans="1:15">
      <c r="A26" s="25"/>
      <c r="B26" s="25"/>
      <c r="C26" s="25"/>
      <c r="D26" s="25"/>
      <c r="E26" s="25"/>
      <c r="F26" s="25"/>
    </row>
  </sheetData>
  <mergeCells count="14">
    <mergeCell ref="A1:F1"/>
    <mergeCell ref="A25:F25"/>
    <mergeCell ref="A21:A22"/>
    <mergeCell ref="A13:A14"/>
    <mergeCell ref="A15:A16"/>
    <mergeCell ref="A17:A18"/>
    <mergeCell ref="A19:A20"/>
    <mergeCell ref="A23:A24"/>
    <mergeCell ref="A3:A4"/>
    <mergeCell ref="B3:F3"/>
    <mergeCell ref="A5:A6"/>
    <mergeCell ref="A7:A8"/>
    <mergeCell ref="A9:A10"/>
    <mergeCell ref="A11:A12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/>
  <dimension ref="A1:S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" style="18" customWidth="1"/>
    <col min="8" max="16384" width="9" style="18"/>
  </cols>
  <sheetData>
    <row r="1" spans="1:19">
      <c r="A1" s="70" t="s">
        <v>98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75" t="s">
        <v>6</v>
      </c>
      <c r="B3" s="76" t="s">
        <v>99</v>
      </c>
      <c r="C3" s="76"/>
      <c r="D3" s="76"/>
      <c r="E3" s="76"/>
      <c r="F3" s="76"/>
      <c r="G3" s="76"/>
    </row>
    <row r="4" spans="1:19" ht="28.5">
      <c r="A4" s="75"/>
      <c r="B4" s="11" t="s">
        <v>196</v>
      </c>
      <c r="C4" s="11" t="s">
        <v>197</v>
      </c>
      <c r="D4" s="11" t="s">
        <v>195</v>
      </c>
      <c r="E4" s="11" t="s">
        <v>97</v>
      </c>
      <c r="F4" s="11" t="s">
        <v>22</v>
      </c>
      <c r="G4" s="11" t="s">
        <v>15</v>
      </c>
    </row>
    <row r="5" spans="1:19">
      <c r="A5" s="73" t="s">
        <v>7</v>
      </c>
      <c r="B5" s="20">
        <v>161</v>
      </c>
      <c r="C5" s="20">
        <v>559</v>
      </c>
      <c r="D5" s="20">
        <v>808</v>
      </c>
      <c r="E5" s="20">
        <v>981</v>
      </c>
      <c r="F5" s="20">
        <v>8</v>
      </c>
      <c r="G5" s="20">
        <v>2517</v>
      </c>
    </row>
    <row r="6" spans="1:19">
      <c r="A6" s="77"/>
      <c r="B6" s="21">
        <v>6.4000000000000001E-2</v>
      </c>
      <c r="C6" s="21">
        <v>0.222</v>
      </c>
      <c r="D6" s="21">
        <v>0.32100000000000001</v>
      </c>
      <c r="E6" s="21">
        <v>0.39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3" t="s">
        <v>8</v>
      </c>
      <c r="B7" s="24">
        <v>30</v>
      </c>
      <c r="C7" s="24">
        <v>138</v>
      </c>
      <c r="D7" s="24">
        <v>156</v>
      </c>
      <c r="E7" s="24">
        <v>205</v>
      </c>
      <c r="F7" s="24">
        <v>0</v>
      </c>
      <c r="G7" s="20">
        <v>529</v>
      </c>
      <c r="L7" s="22"/>
      <c r="M7" s="22"/>
      <c r="N7" s="22"/>
      <c r="O7" s="22"/>
      <c r="P7" s="22"/>
    </row>
    <row r="8" spans="1:19">
      <c r="A8" s="74"/>
      <c r="B8" s="21">
        <v>5.7000000000000002E-2</v>
      </c>
      <c r="C8" s="21">
        <v>0.26100000000000001</v>
      </c>
      <c r="D8" s="21">
        <v>0.29499999999999998</v>
      </c>
      <c r="E8" s="21">
        <v>0.38800000000000001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3" t="s">
        <v>9</v>
      </c>
      <c r="B9" s="24">
        <v>59</v>
      </c>
      <c r="C9" s="24">
        <v>222</v>
      </c>
      <c r="D9" s="24">
        <v>255</v>
      </c>
      <c r="E9" s="24">
        <v>373</v>
      </c>
      <c r="F9" s="24">
        <v>7</v>
      </c>
      <c r="G9" s="24">
        <v>916</v>
      </c>
      <c r="L9" s="22"/>
      <c r="M9" s="22"/>
      <c r="N9" s="22"/>
      <c r="O9" s="22"/>
      <c r="P9" s="22"/>
    </row>
    <row r="10" spans="1:19">
      <c r="A10" s="74"/>
      <c r="B10" s="21">
        <v>6.4000000000000001E-2</v>
      </c>
      <c r="C10" s="21">
        <v>0.24199999999999999</v>
      </c>
      <c r="D10" s="21">
        <v>0.27800000000000002</v>
      </c>
      <c r="E10" s="21">
        <v>0.40699999999999997</v>
      </c>
      <c r="F10" s="21">
        <v>8.0000000000000002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10</v>
      </c>
      <c r="B11" s="24">
        <v>16</v>
      </c>
      <c r="C11" s="24">
        <v>59</v>
      </c>
      <c r="D11" s="24">
        <v>82</v>
      </c>
      <c r="E11" s="24">
        <v>110</v>
      </c>
      <c r="F11" s="24">
        <v>0</v>
      </c>
      <c r="G11" s="24">
        <v>267</v>
      </c>
      <c r="L11" s="22"/>
      <c r="M11" s="22"/>
      <c r="N11" s="22"/>
      <c r="O11" s="22"/>
      <c r="P11" s="22"/>
    </row>
    <row r="12" spans="1:19">
      <c r="A12" s="79"/>
      <c r="B12" s="21">
        <v>0.06</v>
      </c>
      <c r="C12" s="21">
        <v>0.221</v>
      </c>
      <c r="D12" s="21">
        <v>0.307</v>
      </c>
      <c r="E12" s="21">
        <v>0.41199999999999998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3" t="s">
        <v>11</v>
      </c>
      <c r="B13" s="24">
        <v>16</v>
      </c>
      <c r="C13" s="24">
        <v>56</v>
      </c>
      <c r="D13" s="24">
        <v>69</v>
      </c>
      <c r="E13" s="24">
        <v>96</v>
      </c>
      <c r="F13" s="24">
        <v>0</v>
      </c>
      <c r="G13" s="24">
        <v>237</v>
      </c>
      <c r="L13" s="22"/>
      <c r="M13" s="22"/>
      <c r="N13" s="22"/>
      <c r="O13" s="22"/>
      <c r="P13" s="22"/>
    </row>
    <row r="14" spans="1:19">
      <c r="A14" s="74"/>
      <c r="B14" s="21">
        <v>6.8000000000000005E-2</v>
      </c>
      <c r="C14" s="21">
        <v>0.23599999999999999</v>
      </c>
      <c r="D14" s="21">
        <v>0.29099999999999998</v>
      </c>
      <c r="E14" s="21">
        <v>0.40500000000000003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73" t="s">
        <v>12</v>
      </c>
      <c r="B15" s="24">
        <v>24</v>
      </c>
      <c r="C15" s="24">
        <v>63</v>
      </c>
      <c r="D15" s="24">
        <v>68</v>
      </c>
      <c r="E15" s="24">
        <v>76</v>
      </c>
      <c r="F15" s="24">
        <v>0</v>
      </c>
      <c r="G15" s="24">
        <v>231</v>
      </c>
      <c r="L15" s="22"/>
      <c r="M15" s="22"/>
      <c r="N15" s="22"/>
      <c r="O15" s="22"/>
      <c r="P15" s="22"/>
    </row>
    <row r="16" spans="1:19">
      <c r="A16" s="74"/>
      <c r="B16" s="21">
        <v>0.104</v>
      </c>
      <c r="C16" s="21">
        <v>0.27300000000000002</v>
      </c>
      <c r="D16" s="21">
        <v>0.29399999999999998</v>
      </c>
      <c r="E16" s="21">
        <v>0.32900000000000001</v>
      </c>
      <c r="F16" s="21">
        <v>0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9" s="23" customFormat="1">
      <c r="A17" s="73" t="s">
        <v>13</v>
      </c>
      <c r="B17" s="20">
        <v>103</v>
      </c>
      <c r="C17" s="20">
        <v>281</v>
      </c>
      <c r="D17" s="20">
        <v>321</v>
      </c>
      <c r="E17" s="20">
        <v>439</v>
      </c>
      <c r="F17" s="20">
        <v>2</v>
      </c>
      <c r="G17" s="20">
        <v>1146</v>
      </c>
    </row>
    <row r="18" spans="1:19">
      <c r="A18" s="74"/>
      <c r="B18" s="21">
        <v>0.09</v>
      </c>
      <c r="C18" s="21">
        <v>0.245</v>
      </c>
      <c r="D18" s="21">
        <v>0.28000000000000003</v>
      </c>
      <c r="E18" s="21">
        <v>0.38300000000000001</v>
      </c>
      <c r="F18" s="21">
        <v>2E-3</v>
      </c>
      <c r="G18" s="21">
        <v>1</v>
      </c>
      <c r="L18" s="22"/>
      <c r="M18" s="22"/>
      <c r="N18" s="22"/>
      <c r="O18" s="22"/>
      <c r="P18" s="22"/>
      <c r="Q18" s="22"/>
      <c r="R18" s="22"/>
      <c r="S18" s="22"/>
    </row>
    <row r="19" spans="1:19">
      <c r="A19" s="73" t="s">
        <v>14</v>
      </c>
      <c r="B19" s="24">
        <v>15</v>
      </c>
      <c r="C19" s="24">
        <v>34</v>
      </c>
      <c r="D19" s="24">
        <v>63</v>
      </c>
      <c r="E19" s="24">
        <v>67</v>
      </c>
      <c r="F19" s="24">
        <v>0</v>
      </c>
      <c r="G19" s="24">
        <v>179</v>
      </c>
      <c r="L19" s="22"/>
      <c r="M19" s="22"/>
      <c r="N19" s="22"/>
      <c r="O19" s="22"/>
      <c r="P19" s="22"/>
    </row>
    <row r="20" spans="1:19">
      <c r="A20" s="74"/>
      <c r="B20" s="21">
        <v>8.4000000000000005E-2</v>
      </c>
      <c r="C20" s="21">
        <v>0.19</v>
      </c>
      <c r="D20" s="21">
        <v>0.35199999999999998</v>
      </c>
      <c r="E20" s="21">
        <v>0.374</v>
      </c>
      <c r="F20" s="21">
        <v>0</v>
      </c>
      <c r="G20" s="21">
        <v>1</v>
      </c>
      <c r="L20" s="22"/>
      <c r="M20" s="22"/>
      <c r="N20" s="22"/>
      <c r="O20" s="22"/>
      <c r="P20" s="22"/>
      <c r="Q20" s="22"/>
      <c r="R20" s="22"/>
      <c r="S20" s="22"/>
    </row>
    <row r="21" spans="1:19">
      <c r="A21" s="72" t="s">
        <v>22</v>
      </c>
      <c r="B21" s="34">
        <v>11</v>
      </c>
      <c r="C21" s="34">
        <v>12</v>
      </c>
      <c r="D21" s="34">
        <v>9</v>
      </c>
      <c r="E21" s="34">
        <v>14</v>
      </c>
      <c r="F21" s="34">
        <v>2</v>
      </c>
      <c r="G21" s="34">
        <v>48</v>
      </c>
      <c r="L21" s="22"/>
      <c r="M21" s="22"/>
      <c r="N21" s="22"/>
      <c r="O21" s="22"/>
      <c r="P21" s="22"/>
    </row>
    <row r="22" spans="1:19" s="26" customFormat="1">
      <c r="A22" s="72"/>
      <c r="B22" s="33">
        <v>0.22900000000000001</v>
      </c>
      <c r="C22" s="33">
        <v>0.25</v>
      </c>
      <c r="D22" s="33">
        <v>0.188</v>
      </c>
      <c r="E22" s="33">
        <v>0.29199999999999998</v>
      </c>
      <c r="F22" s="33">
        <v>4.2000000000000003E-2</v>
      </c>
      <c r="G22" s="33">
        <v>1</v>
      </c>
    </row>
    <row r="23" spans="1:19" s="23" customFormat="1">
      <c r="A23" s="73" t="s">
        <v>15</v>
      </c>
      <c r="B23" s="20">
        <v>435</v>
      </c>
      <c r="C23" s="20">
        <v>1424</v>
      </c>
      <c r="D23" s="20">
        <v>1831</v>
      </c>
      <c r="E23" s="20">
        <v>2361</v>
      </c>
      <c r="F23" s="20">
        <v>19</v>
      </c>
      <c r="G23" s="20">
        <v>6070</v>
      </c>
    </row>
    <row r="24" spans="1:19">
      <c r="A24" s="74"/>
      <c r="B24" s="21">
        <v>7.1999999999999995E-2</v>
      </c>
      <c r="C24" s="21">
        <v>0.23499999999999999</v>
      </c>
      <c r="D24" s="21">
        <v>0.30199999999999999</v>
      </c>
      <c r="E24" s="21">
        <v>0.38900000000000001</v>
      </c>
      <c r="F24" s="21">
        <v>3.0000000000000001E-3</v>
      </c>
      <c r="G24" s="21">
        <v>1</v>
      </c>
      <c r="L24" s="22"/>
      <c r="M24" s="22"/>
      <c r="N24" s="22"/>
      <c r="O24" s="22"/>
      <c r="P24" s="22"/>
      <c r="Q24" s="22"/>
      <c r="R24" s="22"/>
      <c r="S24" s="22"/>
    </row>
    <row r="25" spans="1:19" ht="14.25" customHeight="1">
      <c r="A25" s="71" t="s">
        <v>217</v>
      </c>
      <c r="B25" s="71"/>
      <c r="C25" s="71"/>
      <c r="D25" s="71"/>
      <c r="E25" s="71"/>
      <c r="F25" s="71"/>
      <c r="G25" s="71"/>
      <c r="L25" s="22"/>
      <c r="M25" s="22"/>
      <c r="N25" s="22"/>
      <c r="O25" s="22"/>
      <c r="P25" s="22"/>
    </row>
    <row r="26" spans="1:19">
      <c r="A26" s="81"/>
      <c r="B26" s="81"/>
      <c r="C26" s="81"/>
      <c r="D26" s="81"/>
      <c r="E26" s="81"/>
      <c r="F26" s="81"/>
      <c r="G26" s="81"/>
    </row>
  </sheetData>
  <mergeCells count="14">
    <mergeCell ref="A25:G26"/>
    <mergeCell ref="A23:A24"/>
    <mergeCell ref="A11:A12"/>
    <mergeCell ref="A13:A14"/>
    <mergeCell ref="A15:A16"/>
    <mergeCell ref="A17:A18"/>
    <mergeCell ref="A19:A20"/>
    <mergeCell ref="A21:A22"/>
    <mergeCell ref="A9:A10"/>
    <mergeCell ref="A1:G1"/>
    <mergeCell ref="A3:A4"/>
    <mergeCell ref="B3:G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3"/>
  <dimension ref="A1:T14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8" width="8.875" style="18" customWidth="1"/>
    <col min="9" max="16384" width="9" style="18"/>
  </cols>
  <sheetData>
    <row r="1" spans="1:20">
      <c r="A1" s="70" t="s">
        <v>468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84" t="s">
        <v>240</v>
      </c>
      <c r="B3" s="76" t="s">
        <v>119</v>
      </c>
      <c r="C3" s="76"/>
      <c r="D3" s="76"/>
      <c r="E3" s="76"/>
      <c r="F3" s="76"/>
      <c r="G3" s="76"/>
      <c r="H3" s="76"/>
    </row>
    <row r="4" spans="1:20" ht="42.75">
      <c r="A4" s="84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1" t="s">
        <v>15</v>
      </c>
    </row>
    <row r="5" spans="1:20">
      <c r="A5" s="73" t="s">
        <v>43</v>
      </c>
      <c r="B5" s="20">
        <v>369</v>
      </c>
      <c r="C5" s="20">
        <v>951</v>
      </c>
      <c r="D5" s="20">
        <v>674</v>
      </c>
      <c r="E5" s="20">
        <v>961</v>
      </c>
      <c r="F5" s="20">
        <v>519</v>
      </c>
      <c r="G5" s="20">
        <v>1</v>
      </c>
      <c r="H5" s="20">
        <v>3475</v>
      </c>
    </row>
    <row r="6" spans="1:20">
      <c r="A6" s="77"/>
      <c r="B6" s="21">
        <v>0.106</v>
      </c>
      <c r="C6" s="21">
        <v>0.27400000000000002</v>
      </c>
      <c r="D6" s="21">
        <v>0.19400000000000001</v>
      </c>
      <c r="E6" s="21">
        <v>0.27700000000000002</v>
      </c>
      <c r="F6" s="21">
        <v>0.14899999999999999</v>
      </c>
      <c r="G6" s="21">
        <v>0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>
      <c r="A7" s="78" t="s">
        <v>44</v>
      </c>
      <c r="B7" s="24">
        <v>245</v>
      </c>
      <c r="C7" s="24">
        <v>573</v>
      </c>
      <c r="D7" s="24">
        <v>455</v>
      </c>
      <c r="E7" s="24">
        <v>846</v>
      </c>
      <c r="F7" s="24">
        <v>442</v>
      </c>
      <c r="G7" s="24">
        <v>1</v>
      </c>
      <c r="H7" s="20">
        <v>2562</v>
      </c>
      <c r="M7" s="22"/>
      <c r="N7" s="22"/>
      <c r="O7" s="22"/>
      <c r="P7" s="22"/>
      <c r="Q7" s="22"/>
    </row>
    <row r="8" spans="1:20">
      <c r="A8" s="79"/>
      <c r="B8" s="21">
        <v>9.6000000000000002E-2</v>
      </c>
      <c r="C8" s="21">
        <v>0.224</v>
      </c>
      <c r="D8" s="21">
        <v>0.17799999999999999</v>
      </c>
      <c r="E8" s="21">
        <v>0.33</v>
      </c>
      <c r="F8" s="21">
        <v>0.17299999999999999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95" t="s">
        <v>22</v>
      </c>
      <c r="B9" s="24">
        <v>3</v>
      </c>
      <c r="C9" s="24">
        <v>6</v>
      </c>
      <c r="D9" s="24">
        <v>6</v>
      </c>
      <c r="E9" s="24">
        <v>9</v>
      </c>
      <c r="F9" s="24">
        <v>9</v>
      </c>
      <c r="G9" s="24">
        <v>0</v>
      </c>
      <c r="H9" s="24">
        <v>33</v>
      </c>
    </row>
    <row r="10" spans="1:20">
      <c r="A10" s="99"/>
      <c r="B10" s="21">
        <v>9.0999999999999998E-2</v>
      </c>
      <c r="C10" s="21">
        <v>0.182</v>
      </c>
      <c r="D10" s="21">
        <v>0.182</v>
      </c>
      <c r="E10" s="21">
        <v>0.27300000000000002</v>
      </c>
      <c r="F10" s="21">
        <v>0.27300000000000002</v>
      </c>
      <c r="G10" s="21">
        <v>0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 s="23" customFormat="1">
      <c r="A11" s="73" t="s">
        <v>15</v>
      </c>
      <c r="B11" s="20">
        <v>617</v>
      </c>
      <c r="C11" s="20">
        <v>1530</v>
      </c>
      <c r="D11" s="20">
        <v>1135</v>
      </c>
      <c r="E11" s="20">
        <v>1816</v>
      </c>
      <c r="F11" s="20">
        <v>970</v>
      </c>
      <c r="G11" s="20">
        <v>2</v>
      </c>
      <c r="H11" s="20">
        <v>6070</v>
      </c>
    </row>
    <row r="12" spans="1:20">
      <c r="A12" s="74"/>
      <c r="B12" s="21">
        <v>0.10199999999999999</v>
      </c>
      <c r="C12" s="21">
        <v>0.252</v>
      </c>
      <c r="D12" s="21">
        <v>0.187</v>
      </c>
      <c r="E12" s="21">
        <v>0.29899999999999999</v>
      </c>
      <c r="F12" s="21">
        <v>0.16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>
      <c r="A13" s="80" t="s">
        <v>65</v>
      </c>
      <c r="B13" s="98"/>
      <c r="C13" s="98"/>
      <c r="D13" s="98"/>
      <c r="E13" s="98"/>
      <c r="F13" s="98"/>
      <c r="G13" s="98"/>
      <c r="H13" s="98"/>
      <c r="M13" s="22"/>
      <c r="N13" s="22"/>
      <c r="O13" s="22"/>
      <c r="P13" s="22"/>
      <c r="Q13" s="22"/>
    </row>
    <row r="14" spans="1:20">
      <c r="A14" s="25"/>
      <c r="B14" s="25"/>
      <c r="C14" s="25"/>
      <c r="D14" s="25"/>
      <c r="E14" s="25"/>
      <c r="F14" s="25"/>
      <c r="G14" s="25"/>
      <c r="H14" s="25"/>
      <c r="M14" s="22"/>
      <c r="N14" s="22"/>
      <c r="O14" s="22"/>
      <c r="P14" s="22"/>
      <c r="Q14" s="22"/>
      <c r="R14" s="22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4"/>
  <dimension ref="A1:S14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7" width="8.875" style="18" customWidth="1"/>
    <col min="8" max="16384" width="9" style="18"/>
  </cols>
  <sheetData>
    <row r="1" spans="1:19">
      <c r="A1" s="70" t="s">
        <v>469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0</v>
      </c>
      <c r="B3" s="76" t="s">
        <v>120</v>
      </c>
      <c r="C3" s="76"/>
      <c r="D3" s="76"/>
      <c r="E3" s="76"/>
      <c r="F3" s="76"/>
      <c r="G3" s="76"/>
    </row>
    <row r="4" spans="1:19" ht="57">
      <c r="A4" s="84"/>
      <c r="B4" s="11" t="s">
        <v>69</v>
      </c>
      <c r="C4" s="11" t="s">
        <v>53</v>
      </c>
      <c r="D4" s="11" t="s">
        <v>54</v>
      </c>
      <c r="E4" s="11" t="s">
        <v>70</v>
      </c>
      <c r="F4" s="11" t="s">
        <v>22</v>
      </c>
      <c r="G4" s="11" t="s">
        <v>15</v>
      </c>
    </row>
    <row r="5" spans="1:19">
      <c r="A5" s="73" t="s">
        <v>43</v>
      </c>
      <c r="B5" s="20">
        <v>1449</v>
      </c>
      <c r="C5" s="20">
        <v>334</v>
      </c>
      <c r="D5" s="20">
        <v>232</v>
      </c>
      <c r="E5" s="20">
        <v>1453</v>
      </c>
      <c r="F5" s="20">
        <v>7</v>
      </c>
      <c r="G5" s="20">
        <v>3475</v>
      </c>
    </row>
    <row r="6" spans="1:19">
      <c r="A6" s="77"/>
      <c r="B6" s="21">
        <v>0.41699999999999998</v>
      </c>
      <c r="C6" s="21">
        <v>9.6000000000000002E-2</v>
      </c>
      <c r="D6" s="21">
        <v>6.7000000000000004E-2</v>
      </c>
      <c r="E6" s="21">
        <v>0.41799999999999998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8" t="s">
        <v>44</v>
      </c>
      <c r="B7" s="20">
        <v>943</v>
      </c>
      <c r="C7" s="20">
        <v>226</v>
      </c>
      <c r="D7" s="20">
        <v>134</v>
      </c>
      <c r="E7" s="20">
        <v>1254</v>
      </c>
      <c r="F7" s="20">
        <v>5</v>
      </c>
      <c r="G7" s="20">
        <v>2562</v>
      </c>
    </row>
    <row r="8" spans="1:19">
      <c r="A8" s="79"/>
      <c r="B8" s="21">
        <v>0.36799999999999999</v>
      </c>
      <c r="C8" s="21">
        <v>8.7999999999999995E-2</v>
      </c>
      <c r="D8" s="21">
        <v>5.1999999999999998E-2</v>
      </c>
      <c r="E8" s="21">
        <v>0.48899999999999999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12</v>
      </c>
      <c r="C9" s="24">
        <v>2</v>
      </c>
      <c r="D9" s="24">
        <v>2</v>
      </c>
      <c r="E9" s="24">
        <v>17</v>
      </c>
      <c r="F9" s="24">
        <v>0</v>
      </c>
      <c r="G9" s="24">
        <v>33</v>
      </c>
    </row>
    <row r="10" spans="1:19">
      <c r="A10" s="99"/>
      <c r="B10" s="21">
        <v>0.36399999999999999</v>
      </c>
      <c r="C10" s="21">
        <v>6.0999999999999999E-2</v>
      </c>
      <c r="D10" s="21">
        <v>6.0999999999999999E-2</v>
      </c>
      <c r="E10" s="21">
        <v>0.51500000000000001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2404</v>
      </c>
      <c r="C11" s="20">
        <v>562</v>
      </c>
      <c r="D11" s="20">
        <v>368</v>
      </c>
      <c r="E11" s="20">
        <v>2724</v>
      </c>
      <c r="F11" s="20">
        <v>12</v>
      </c>
      <c r="G11" s="20">
        <v>6070</v>
      </c>
    </row>
    <row r="12" spans="1:19">
      <c r="A12" s="74"/>
      <c r="B12" s="21">
        <v>0.39600000000000002</v>
      </c>
      <c r="C12" s="21">
        <v>9.2999999999999999E-2</v>
      </c>
      <c r="D12" s="21">
        <v>6.0999999999999999E-2</v>
      </c>
      <c r="E12" s="21">
        <v>0.44900000000000001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ht="14.25" customHeight="1">
      <c r="A13" s="80" t="s">
        <v>71</v>
      </c>
      <c r="B13" s="80"/>
      <c r="C13" s="80"/>
      <c r="D13" s="80"/>
      <c r="E13" s="80"/>
      <c r="F13" s="80"/>
      <c r="G13" s="80"/>
      <c r="L13" s="22"/>
      <c r="M13" s="22"/>
      <c r="N13" s="22"/>
      <c r="O13" s="22"/>
      <c r="P13" s="22"/>
    </row>
    <row r="14" spans="1:19">
      <c r="A14" s="86"/>
      <c r="B14" s="86"/>
      <c r="C14" s="86"/>
      <c r="D14" s="86"/>
      <c r="E14" s="86"/>
      <c r="F14" s="86"/>
      <c r="G14" s="86"/>
      <c r="L14" s="22"/>
      <c r="M14" s="22"/>
      <c r="N14" s="22"/>
      <c r="O14" s="22"/>
      <c r="P14" s="22"/>
      <c r="Q14" s="2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5"/>
  <dimension ref="A1:R14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70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0</v>
      </c>
      <c r="B3" s="76" t="s">
        <v>121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>
      <c r="A5" s="73" t="s">
        <v>43</v>
      </c>
      <c r="B5" s="20">
        <v>1034</v>
      </c>
      <c r="C5" s="20">
        <v>1203</v>
      </c>
      <c r="D5" s="20">
        <v>1233</v>
      </c>
      <c r="E5" s="20">
        <v>5</v>
      </c>
      <c r="F5" s="20">
        <v>3475</v>
      </c>
    </row>
    <row r="6" spans="1:18">
      <c r="A6" s="77"/>
      <c r="B6" s="21">
        <v>0.29799999999999999</v>
      </c>
      <c r="C6" s="21">
        <v>0.34599999999999997</v>
      </c>
      <c r="D6" s="21">
        <v>0.35499999999999998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44</v>
      </c>
      <c r="B7" s="20">
        <v>622</v>
      </c>
      <c r="C7" s="20">
        <v>923</v>
      </c>
      <c r="D7" s="20">
        <v>1013</v>
      </c>
      <c r="E7" s="20">
        <v>4</v>
      </c>
      <c r="F7" s="20">
        <v>2562</v>
      </c>
    </row>
    <row r="8" spans="1:18">
      <c r="A8" s="79"/>
      <c r="B8" s="21">
        <v>0.24299999999999999</v>
      </c>
      <c r="C8" s="21">
        <v>0.36</v>
      </c>
      <c r="D8" s="21">
        <v>0.39500000000000002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9</v>
      </c>
      <c r="C9" s="24">
        <v>10</v>
      </c>
      <c r="D9" s="24">
        <v>14</v>
      </c>
      <c r="E9" s="24">
        <v>0</v>
      </c>
      <c r="F9" s="24">
        <v>33</v>
      </c>
    </row>
    <row r="10" spans="1:18">
      <c r="A10" s="99"/>
      <c r="B10" s="21">
        <v>0.27300000000000002</v>
      </c>
      <c r="C10" s="21">
        <v>0.30299999999999999</v>
      </c>
      <c r="D10" s="21">
        <v>0.42399999999999999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1665</v>
      </c>
      <c r="C11" s="20">
        <v>2136</v>
      </c>
      <c r="D11" s="20">
        <v>2260</v>
      </c>
      <c r="E11" s="20">
        <v>9</v>
      </c>
      <c r="F11" s="20">
        <v>6070</v>
      </c>
    </row>
    <row r="12" spans="1:18">
      <c r="A12" s="74"/>
      <c r="B12" s="21">
        <v>0.27400000000000002</v>
      </c>
      <c r="C12" s="21">
        <v>0.35199999999999998</v>
      </c>
      <c r="D12" s="21">
        <v>0.372</v>
      </c>
      <c r="E12" s="21">
        <v>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75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6"/>
  <dimension ref="A1:R14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8.875" style="18" customWidth="1"/>
    <col min="4" max="4" width="11.625" style="18" bestFit="1" customWidth="1"/>
    <col min="5" max="6" width="8.875" style="18" customWidth="1"/>
    <col min="7" max="16384" width="9" style="18"/>
  </cols>
  <sheetData>
    <row r="1" spans="1:18">
      <c r="A1" s="70" t="s">
        <v>47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0</v>
      </c>
      <c r="B3" s="76" t="s">
        <v>122</v>
      </c>
      <c r="C3" s="76"/>
      <c r="D3" s="76"/>
      <c r="E3" s="76"/>
      <c r="F3" s="76"/>
    </row>
    <row r="4" spans="1:18">
      <c r="A4" s="84"/>
      <c r="B4" s="11" t="s">
        <v>43</v>
      </c>
      <c r="C4" s="11" t="s">
        <v>44</v>
      </c>
      <c r="D4" s="11" t="s">
        <v>223</v>
      </c>
      <c r="E4" s="11" t="s">
        <v>22</v>
      </c>
      <c r="F4" s="11" t="s">
        <v>15</v>
      </c>
    </row>
    <row r="5" spans="1:18">
      <c r="A5" s="73" t="s">
        <v>43</v>
      </c>
      <c r="B5" s="20">
        <v>2104</v>
      </c>
      <c r="C5" s="20">
        <v>166</v>
      </c>
      <c r="D5" s="20">
        <v>1196</v>
      </c>
      <c r="E5" s="20">
        <v>9</v>
      </c>
      <c r="F5" s="20">
        <v>3475</v>
      </c>
    </row>
    <row r="6" spans="1:18">
      <c r="A6" s="77"/>
      <c r="B6" s="21">
        <v>0.60499999999999998</v>
      </c>
      <c r="C6" s="21">
        <v>4.8000000000000001E-2</v>
      </c>
      <c r="D6" s="21">
        <v>0.34399999999999997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44</v>
      </c>
      <c r="B7" s="20">
        <v>1143</v>
      </c>
      <c r="C7" s="20">
        <v>300</v>
      </c>
      <c r="D7" s="20">
        <v>1108</v>
      </c>
      <c r="E7" s="20">
        <v>11</v>
      </c>
      <c r="F7" s="20">
        <v>2562</v>
      </c>
    </row>
    <row r="8" spans="1:18">
      <c r="A8" s="79"/>
      <c r="B8" s="21">
        <v>0.44600000000000001</v>
      </c>
      <c r="C8" s="21">
        <v>0.11700000000000001</v>
      </c>
      <c r="D8" s="21">
        <v>0.432</v>
      </c>
      <c r="E8" s="21">
        <v>4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16</v>
      </c>
      <c r="C9" s="24">
        <v>6</v>
      </c>
      <c r="D9" s="24">
        <v>11</v>
      </c>
      <c r="E9" s="24">
        <v>0</v>
      </c>
      <c r="F9" s="24">
        <v>33</v>
      </c>
    </row>
    <row r="10" spans="1:18">
      <c r="A10" s="99"/>
      <c r="B10" s="21">
        <v>0.48499999999999999</v>
      </c>
      <c r="C10" s="21">
        <v>0.182</v>
      </c>
      <c r="D10" s="21">
        <v>0.33300000000000002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3263</v>
      </c>
      <c r="C11" s="20">
        <v>472</v>
      </c>
      <c r="D11" s="20">
        <v>2315</v>
      </c>
      <c r="E11" s="20">
        <v>20</v>
      </c>
      <c r="F11" s="20">
        <v>6070</v>
      </c>
    </row>
    <row r="12" spans="1:18">
      <c r="A12" s="74"/>
      <c r="B12" s="21">
        <v>0.53800000000000003</v>
      </c>
      <c r="C12" s="21">
        <v>7.8E-2</v>
      </c>
      <c r="D12" s="21">
        <v>0.38100000000000001</v>
      </c>
      <c r="E12" s="21">
        <v>3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80" t="s">
        <v>239</v>
      </c>
      <c r="B13" s="80"/>
      <c r="C13" s="80"/>
      <c r="D13" s="80"/>
      <c r="E13" s="80"/>
      <c r="F13" s="80"/>
      <c r="K13" s="22"/>
      <c r="L13" s="22"/>
      <c r="M13" s="22"/>
      <c r="N13" s="22"/>
      <c r="O13" s="22"/>
    </row>
    <row r="14" spans="1:18">
      <c r="A14" s="86"/>
      <c r="B14" s="86"/>
      <c r="C14" s="86"/>
      <c r="D14" s="86"/>
      <c r="E14" s="86"/>
      <c r="F14" s="86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7"/>
  <dimension ref="A1:Q14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5" width="8.875" style="18" customWidth="1"/>
    <col min="6" max="16384" width="9" style="18"/>
  </cols>
  <sheetData>
    <row r="1" spans="1:17">
      <c r="A1" s="70" t="s">
        <v>472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40</v>
      </c>
      <c r="B3" s="76" t="s">
        <v>123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43</v>
      </c>
      <c r="B5" s="20">
        <v>3354</v>
      </c>
      <c r="C5" s="20">
        <v>109</v>
      </c>
      <c r="D5" s="20">
        <v>12</v>
      </c>
      <c r="E5" s="20">
        <v>3475</v>
      </c>
    </row>
    <row r="6" spans="1:17">
      <c r="A6" s="77"/>
      <c r="B6" s="21">
        <v>0.96499999999999997</v>
      </c>
      <c r="C6" s="21">
        <v>3.1E-2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44</v>
      </c>
      <c r="B7" s="20">
        <v>2283</v>
      </c>
      <c r="C7" s="20">
        <v>275</v>
      </c>
      <c r="D7" s="20">
        <v>4</v>
      </c>
      <c r="E7" s="20">
        <v>2562</v>
      </c>
    </row>
    <row r="8" spans="1:17">
      <c r="A8" s="79"/>
      <c r="B8" s="21">
        <v>0.89100000000000001</v>
      </c>
      <c r="C8" s="21">
        <v>0.107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30</v>
      </c>
      <c r="C9" s="24">
        <v>2</v>
      </c>
      <c r="D9" s="24">
        <v>1</v>
      </c>
      <c r="E9" s="24">
        <v>33</v>
      </c>
    </row>
    <row r="10" spans="1:17">
      <c r="A10" s="99"/>
      <c r="B10" s="21">
        <v>0.90900000000000003</v>
      </c>
      <c r="C10" s="21">
        <v>6.0999999999999999E-2</v>
      </c>
      <c r="D10" s="21">
        <v>0.0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5667</v>
      </c>
      <c r="C11" s="20">
        <v>386</v>
      </c>
      <c r="D11" s="20">
        <v>17</v>
      </c>
      <c r="E11" s="20">
        <v>6070</v>
      </c>
    </row>
    <row r="12" spans="1:17">
      <c r="A12" s="74"/>
      <c r="B12" s="21">
        <v>0.93400000000000005</v>
      </c>
      <c r="C12" s="21">
        <v>6.4000000000000001E-2</v>
      </c>
      <c r="D12" s="21">
        <v>3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80" t="s">
        <v>192</v>
      </c>
      <c r="B13" s="98"/>
      <c r="C13" s="98"/>
      <c r="D13" s="98"/>
      <c r="E13" s="98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  <c r="J14" s="22"/>
      <c r="K14" s="22"/>
      <c r="L14" s="22"/>
      <c r="M14" s="22"/>
      <c r="N14" s="22"/>
      <c r="O14" s="2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8"/>
  <dimension ref="A1:N25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7" width="9.625" style="18" customWidth="1"/>
    <col min="8" max="16384" width="9" style="18"/>
  </cols>
  <sheetData>
    <row r="1" spans="1:14">
      <c r="A1" s="18" t="s">
        <v>473</v>
      </c>
    </row>
    <row r="2" spans="1:14">
      <c r="A2" s="121" t="s">
        <v>613</v>
      </c>
      <c r="B2" s="36"/>
      <c r="C2" s="36"/>
    </row>
    <row r="3" spans="1:14" ht="57.75" customHeight="1">
      <c r="A3" s="84" t="s">
        <v>474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4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43</v>
      </c>
      <c r="B5" s="20">
        <v>756</v>
      </c>
      <c r="C5" s="20">
        <v>2598</v>
      </c>
      <c r="D5" s="20">
        <v>2025</v>
      </c>
      <c r="E5" s="20">
        <v>1329</v>
      </c>
      <c r="F5" s="20">
        <v>659</v>
      </c>
      <c r="G5" s="20">
        <v>2695</v>
      </c>
    </row>
    <row r="6" spans="1:14">
      <c r="A6" s="75"/>
      <c r="B6" s="21">
        <v>0.22500000000000001</v>
      </c>
      <c r="C6" s="21">
        <v>0.77500000000000002</v>
      </c>
      <c r="D6" s="21">
        <v>0.60399999999999998</v>
      </c>
      <c r="E6" s="21">
        <v>0.39600000000000002</v>
      </c>
      <c r="F6" s="21">
        <v>0.19600000000000001</v>
      </c>
      <c r="G6" s="21">
        <v>0.80400000000000005</v>
      </c>
    </row>
    <row r="7" spans="1:14" s="23" customFormat="1">
      <c r="A7" s="75" t="s">
        <v>44</v>
      </c>
      <c r="B7" s="20">
        <v>764</v>
      </c>
      <c r="C7" s="20">
        <v>1519</v>
      </c>
      <c r="D7" s="20">
        <v>1107</v>
      </c>
      <c r="E7" s="20">
        <v>1176</v>
      </c>
      <c r="F7" s="20">
        <v>46</v>
      </c>
      <c r="G7" s="20">
        <v>2237</v>
      </c>
    </row>
    <row r="8" spans="1:14">
      <c r="A8" s="83"/>
      <c r="B8" s="21">
        <v>0.33500000000000002</v>
      </c>
      <c r="C8" s="21">
        <v>0.66500000000000004</v>
      </c>
      <c r="D8" s="21">
        <v>0.48499999999999999</v>
      </c>
      <c r="E8" s="21">
        <v>0.51500000000000001</v>
      </c>
      <c r="F8" s="21">
        <v>0.02</v>
      </c>
      <c r="G8" s="21">
        <v>0.98</v>
      </c>
    </row>
    <row r="9" spans="1:14">
      <c r="A9" s="75" t="s">
        <v>22</v>
      </c>
      <c r="B9" s="24">
        <v>8</v>
      </c>
      <c r="C9" s="24">
        <v>22</v>
      </c>
      <c r="D9" s="24">
        <v>16</v>
      </c>
      <c r="E9" s="24">
        <v>14</v>
      </c>
      <c r="F9" s="24">
        <v>1</v>
      </c>
      <c r="G9" s="24">
        <v>29</v>
      </c>
      <c r="H9" s="22"/>
      <c r="I9" s="22"/>
      <c r="J9" s="22"/>
      <c r="K9" s="22"/>
      <c r="L9" s="22"/>
      <c r="M9" s="22"/>
      <c r="N9" s="22"/>
    </row>
    <row r="10" spans="1:14">
      <c r="A10" s="83"/>
      <c r="B10" s="21">
        <v>0.26700000000000002</v>
      </c>
      <c r="C10" s="21">
        <v>0.73299999999999998</v>
      </c>
      <c r="D10" s="21">
        <v>0.53300000000000003</v>
      </c>
      <c r="E10" s="21">
        <v>0.46700000000000003</v>
      </c>
      <c r="F10" s="21">
        <v>3.3000000000000002E-2</v>
      </c>
      <c r="G10" s="21">
        <v>0.96699999999999997</v>
      </c>
    </row>
    <row r="11" spans="1:14" s="23" customFormat="1">
      <c r="A11" s="75" t="s">
        <v>15</v>
      </c>
      <c r="B11" s="20">
        <v>1528</v>
      </c>
      <c r="C11" s="20">
        <v>4139</v>
      </c>
      <c r="D11" s="20">
        <v>3148</v>
      </c>
      <c r="E11" s="20">
        <v>2519</v>
      </c>
      <c r="F11" s="20">
        <v>706</v>
      </c>
      <c r="G11" s="20">
        <v>4961</v>
      </c>
    </row>
    <row r="12" spans="1:14">
      <c r="A12" s="83"/>
      <c r="B12" s="21">
        <v>0.27</v>
      </c>
      <c r="C12" s="21">
        <v>0.73</v>
      </c>
      <c r="D12" s="21">
        <v>0.55500000000000005</v>
      </c>
      <c r="E12" s="21">
        <v>0.44500000000000001</v>
      </c>
      <c r="F12" s="21">
        <v>0.125</v>
      </c>
      <c r="G12" s="21">
        <v>0.875</v>
      </c>
    </row>
    <row r="13" spans="1:14">
      <c r="A13" s="50"/>
      <c r="B13" s="51"/>
      <c r="C13" s="51"/>
      <c r="D13" s="51"/>
      <c r="E13" s="51"/>
      <c r="F13" s="51"/>
      <c r="G13" s="51"/>
    </row>
    <row r="14" spans="1:14" ht="30.75" customHeight="1">
      <c r="A14" s="84" t="s">
        <v>474</v>
      </c>
      <c r="B14" s="82" t="s">
        <v>160</v>
      </c>
      <c r="C14" s="82"/>
      <c r="D14" s="82" t="s">
        <v>161</v>
      </c>
      <c r="E14" s="82"/>
      <c r="F14" s="82" t="s">
        <v>162</v>
      </c>
      <c r="G14" s="82"/>
    </row>
    <row r="15" spans="1:14">
      <c r="A15" s="84"/>
      <c r="B15" s="11" t="s">
        <v>180</v>
      </c>
      <c r="C15" s="11" t="s">
        <v>181</v>
      </c>
      <c r="D15" s="11" t="s">
        <v>180</v>
      </c>
      <c r="E15" s="11" t="s">
        <v>181</v>
      </c>
      <c r="F15" s="11" t="s">
        <v>180</v>
      </c>
      <c r="G15" s="11" t="s">
        <v>181</v>
      </c>
    </row>
    <row r="16" spans="1:14">
      <c r="A16" s="75" t="s">
        <v>43</v>
      </c>
      <c r="B16" s="20">
        <v>865</v>
      </c>
      <c r="C16" s="20">
        <v>2489</v>
      </c>
      <c r="D16" s="20">
        <v>57</v>
      </c>
      <c r="E16" s="20">
        <v>3297</v>
      </c>
      <c r="F16" s="20">
        <v>224</v>
      </c>
      <c r="G16" s="20">
        <v>3130</v>
      </c>
    </row>
    <row r="17" spans="1:14">
      <c r="A17" s="75"/>
      <c r="B17" s="21">
        <v>0.25800000000000001</v>
      </c>
      <c r="C17" s="21">
        <v>0.74199999999999999</v>
      </c>
      <c r="D17" s="21">
        <v>1.7000000000000001E-2</v>
      </c>
      <c r="E17" s="21">
        <v>0.98299999999999998</v>
      </c>
      <c r="F17" s="21">
        <v>6.7000000000000004E-2</v>
      </c>
      <c r="G17" s="21">
        <v>0.93300000000000005</v>
      </c>
    </row>
    <row r="18" spans="1:14">
      <c r="A18" s="75" t="s">
        <v>44</v>
      </c>
      <c r="B18" s="20">
        <v>379</v>
      </c>
      <c r="C18" s="20">
        <v>1904</v>
      </c>
      <c r="D18" s="20">
        <v>24</v>
      </c>
      <c r="E18" s="20">
        <v>2259</v>
      </c>
      <c r="F18" s="20">
        <v>79</v>
      </c>
      <c r="G18" s="20">
        <v>2204</v>
      </c>
    </row>
    <row r="19" spans="1:14">
      <c r="A19" s="83"/>
      <c r="B19" s="21">
        <v>0.16600000000000001</v>
      </c>
      <c r="C19" s="21">
        <v>0.83399999999999996</v>
      </c>
      <c r="D19" s="21">
        <v>1.0999999999999999E-2</v>
      </c>
      <c r="E19" s="21">
        <v>0.98899999999999999</v>
      </c>
      <c r="F19" s="21">
        <v>3.5000000000000003E-2</v>
      </c>
      <c r="G19" s="21">
        <v>0.96499999999999997</v>
      </c>
    </row>
    <row r="20" spans="1:14">
      <c r="A20" s="75" t="s">
        <v>22</v>
      </c>
      <c r="B20" s="24">
        <v>5</v>
      </c>
      <c r="C20" s="24">
        <v>25</v>
      </c>
      <c r="D20" s="24">
        <v>0</v>
      </c>
      <c r="E20" s="24">
        <v>30</v>
      </c>
      <c r="F20" s="24">
        <v>0</v>
      </c>
      <c r="G20" s="24">
        <v>30</v>
      </c>
    </row>
    <row r="21" spans="1:14">
      <c r="A21" s="83"/>
      <c r="B21" s="21">
        <v>0.16700000000000001</v>
      </c>
      <c r="C21" s="21">
        <v>0.83299999999999996</v>
      </c>
      <c r="D21" s="21">
        <v>0</v>
      </c>
      <c r="E21" s="21">
        <v>1</v>
      </c>
      <c r="F21" s="21">
        <v>0</v>
      </c>
      <c r="G21" s="21">
        <v>1</v>
      </c>
    </row>
    <row r="22" spans="1:14">
      <c r="A22" s="75" t="s">
        <v>15</v>
      </c>
      <c r="B22" s="20">
        <v>1249</v>
      </c>
      <c r="C22" s="20">
        <v>4418</v>
      </c>
      <c r="D22" s="20">
        <v>81</v>
      </c>
      <c r="E22" s="20">
        <v>5586</v>
      </c>
      <c r="F22" s="20">
        <v>303</v>
      </c>
      <c r="G22" s="20">
        <v>5364</v>
      </c>
    </row>
    <row r="23" spans="1:14">
      <c r="A23" s="83"/>
      <c r="B23" s="21">
        <v>0.22</v>
      </c>
      <c r="C23" s="21">
        <v>0.78</v>
      </c>
      <c r="D23" s="21">
        <v>1.4E-2</v>
      </c>
      <c r="E23" s="21">
        <v>0.98599999999999999</v>
      </c>
      <c r="F23" s="21">
        <v>5.2999999999999999E-2</v>
      </c>
      <c r="G23" s="21">
        <v>0.94699999999999995</v>
      </c>
    </row>
    <row r="24" spans="1:14" ht="14.25" customHeight="1">
      <c r="A24" s="71" t="s">
        <v>302</v>
      </c>
      <c r="B24" s="71"/>
      <c r="C24" s="71"/>
      <c r="D24" s="71"/>
      <c r="E24" s="71"/>
      <c r="F24" s="71"/>
      <c r="G24" s="71"/>
      <c r="H24" s="22"/>
      <c r="I24" s="22"/>
      <c r="J24" s="22"/>
      <c r="K24" s="22"/>
      <c r="L24" s="22"/>
      <c r="M24" s="22"/>
      <c r="N24" s="22"/>
    </row>
    <row r="25" spans="1:14">
      <c r="A25" s="81"/>
      <c r="B25" s="81"/>
      <c r="C25" s="81"/>
      <c r="D25" s="81"/>
      <c r="E25" s="81"/>
      <c r="F25" s="81"/>
      <c r="G25" s="81"/>
    </row>
  </sheetData>
  <mergeCells count="17">
    <mergeCell ref="B14:C14"/>
    <mergeCell ref="A14:A15"/>
    <mergeCell ref="A24:G25"/>
    <mergeCell ref="A3:A4"/>
    <mergeCell ref="B3:C3"/>
    <mergeCell ref="D3:E3"/>
    <mergeCell ref="F3:G3"/>
    <mergeCell ref="A16:A17"/>
    <mergeCell ref="A18:A19"/>
    <mergeCell ref="A20:A21"/>
    <mergeCell ref="A22:A23"/>
    <mergeCell ref="F14:G14"/>
    <mergeCell ref="D14:E14"/>
    <mergeCell ref="A5:A6"/>
    <mergeCell ref="A7:A8"/>
    <mergeCell ref="A9:A10"/>
    <mergeCell ref="A11:A12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9"/>
  <dimension ref="A1:M27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7" width="9.625" style="18" customWidth="1"/>
    <col min="8" max="16384" width="9" style="18"/>
  </cols>
  <sheetData>
    <row r="1" spans="1:13">
      <c r="A1" s="18" t="s">
        <v>475</v>
      </c>
    </row>
    <row r="2" spans="1:13">
      <c r="A2" s="121" t="s">
        <v>613</v>
      </c>
      <c r="B2" s="28"/>
      <c r="C2" s="28"/>
      <c r="D2" s="28"/>
      <c r="E2" s="28"/>
      <c r="F2" s="28"/>
      <c r="G2" s="28"/>
    </row>
    <row r="3" spans="1:13" ht="30" customHeight="1">
      <c r="A3" s="84" t="s">
        <v>474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3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3">
      <c r="A5" s="75" t="s">
        <v>43</v>
      </c>
      <c r="B5" s="20">
        <v>753</v>
      </c>
      <c r="C5" s="20">
        <v>2601</v>
      </c>
      <c r="D5" s="20">
        <v>126</v>
      </c>
      <c r="E5" s="20">
        <v>3228</v>
      </c>
      <c r="F5" s="20">
        <v>569</v>
      </c>
      <c r="G5" s="20">
        <v>2785</v>
      </c>
    </row>
    <row r="6" spans="1:13">
      <c r="A6" s="75"/>
      <c r="B6" s="21">
        <v>0.22500000000000001</v>
      </c>
      <c r="C6" s="21">
        <v>0.77500000000000002</v>
      </c>
      <c r="D6" s="21">
        <v>3.7999999999999999E-2</v>
      </c>
      <c r="E6" s="21">
        <v>0.96199999999999997</v>
      </c>
      <c r="F6" s="21">
        <v>0.17</v>
      </c>
      <c r="G6" s="21">
        <v>0.83</v>
      </c>
    </row>
    <row r="7" spans="1:13" s="23" customFormat="1">
      <c r="A7" s="75" t="s">
        <v>44</v>
      </c>
      <c r="B7" s="20">
        <v>336</v>
      </c>
      <c r="C7" s="20">
        <v>1947</v>
      </c>
      <c r="D7" s="20">
        <v>61</v>
      </c>
      <c r="E7" s="20">
        <v>2222</v>
      </c>
      <c r="F7" s="20">
        <v>275</v>
      </c>
      <c r="G7" s="20">
        <v>2008</v>
      </c>
    </row>
    <row r="8" spans="1:13">
      <c r="A8" s="83"/>
      <c r="B8" s="21">
        <v>0.14699999999999999</v>
      </c>
      <c r="C8" s="21">
        <v>0.85299999999999998</v>
      </c>
      <c r="D8" s="21">
        <v>2.7E-2</v>
      </c>
      <c r="E8" s="21">
        <v>0.97299999999999998</v>
      </c>
      <c r="F8" s="21">
        <v>0.12</v>
      </c>
      <c r="G8" s="21">
        <v>0.88</v>
      </c>
    </row>
    <row r="9" spans="1:13">
      <c r="A9" s="75" t="s">
        <v>22</v>
      </c>
      <c r="B9" s="24">
        <v>4</v>
      </c>
      <c r="C9" s="24">
        <v>26</v>
      </c>
      <c r="D9" s="24">
        <v>0</v>
      </c>
      <c r="E9" s="24">
        <v>30</v>
      </c>
      <c r="F9" s="24">
        <v>4</v>
      </c>
      <c r="G9" s="24">
        <v>26</v>
      </c>
      <c r="H9" s="22"/>
      <c r="I9" s="22"/>
      <c r="J9" s="22"/>
      <c r="K9" s="22"/>
      <c r="L9" s="22"/>
      <c r="M9" s="22"/>
    </row>
    <row r="10" spans="1:13">
      <c r="A10" s="83"/>
      <c r="B10" s="21">
        <v>0.13300000000000001</v>
      </c>
      <c r="C10" s="21">
        <v>0.86699999999999999</v>
      </c>
      <c r="D10" s="21">
        <v>0</v>
      </c>
      <c r="E10" s="21">
        <v>1</v>
      </c>
      <c r="F10" s="21">
        <v>0.13300000000000001</v>
      </c>
      <c r="G10" s="21">
        <v>0.86699999999999999</v>
      </c>
    </row>
    <row r="11" spans="1:13" s="23" customFormat="1">
      <c r="A11" s="75" t="s">
        <v>15</v>
      </c>
      <c r="B11" s="20">
        <v>1093</v>
      </c>
      <c r="C11" s="20">
        <v>4574</v>
      </c>
      <c r="D11" s="20">
        <v>187</v>
      </c>
      <c r="E11" s="20">
        <v>5480</v>
      </c>
      <c r="F11" s="20">
        <v>848</v>
      </c>
      <c r="G11" s="20">
        <v>4819</v>
      </c>
    </row>
    <row r="12" spans="1:13">
      <c r="A12" s="83"/>
      <c r="B12" s="21">
        <v>0.193</v>
      </c>
      <c r="C12" s="21">
        <v>0.80700000000000005</v>
      </c>
      <c r="D12" s="21">
        <v>3.3000000000000002E-2</v>
      </c>
      <c r="E12" s="21">
        <v>0.96699999999999997</v>
      </c>
      <c r="F12" s="21">
        <v>0.15</v>
      </c>
      <c r="G12" s="21">
        <v>0.85</v>
      </c>
    </row>
    <row r="13" spans="1:13">
      <c r="A13" s="50"/>
      <c r="B13" s="51"/>
      <c r="C13" s="51"/>
      <c r="D13" s="52"/>
      <c r="E13" s="52"/>
      <c r="F13" s="52"/>
      <c r="G13" s="52"/>
    </row>
    <row r="14" spans="1:13" ht="30" customHeight="1">
      <c r="A14" s="84" t="s">
        <v>474</v>
      </c>
      <c r="B14" s="82" t="s">
        <v>166</v>
      </c>
      <c r="C14" s="82"/>
      <c r="D14" s="52"/>
      <c r="E14" s="52"/>
      <c r="F14" s="52"/>
      <c r="G14" s="52"/>
    </row>
    <row r="15" spans="1:13">
      <c r="A15" s="84"/>
      <c r="B15" s="11" t="s">
        <v>180</v>
      </c>
      <c r="C15" s="11" t="s">
        <v>181</v>
      </c>
      <c r="D15" s="52"/>
      <c r="E15" s="52"/>
      <c r="F15" s="52"/>
      <c r="G15" s="52"/>
    </row>
    <row r="16" spans="1:13">
      <c r="A16" s="75" t="s">
        <v>43</v>
      </c>
      <c r="B16" s="20">
        <v>72</v>
      </c>
      <c r="C16" s="20">
        <v>3282</v>
      </c>
      <c r="D16" s="52"/>
      <c r="E16" s="52"/>
      <c r="F16" s="52"/>
      <c r="G16" s="52"/>
    </row>
    <row r="17" spans="1:13">
      <c r="A17" s="75"/>
      <c r="B17" s="21">
        <v>2.1000000000000001E-2</v>
      </c>
      <c r="C17" s="21">
        <v>0.97899999999999998</v>
      </c>
      <c r="D17" s="52"/>
      <c r="E17" s="52"/>
      <c r="F17" s="52"/>
      <c r="G17" s="52"/>
    </row>
    <row r="18" spans="1:13">
      <c r="A18" s="75" t="s">
        <v>44</v>
      </c>
      <c r="B18" s="20">
        <v>56</v>
      </c>
      <c r="C18" s="20">
        <v>2227</v>
      </c>
      <c r="D18" s="52"/>
      <c r="E18" s="52"/>
      <c r="F18" s="52"/>
      <c r="G18" s="52"/>
    </row>
    <row r="19" spans="1:13">
      <c r="A19" s="83"/>
      <c r="B19" s="21">
        <v>2.5000000000000001E-2</v>
      </c>
      <c r="C19" s="21">
        <v>0.97499999999999998</v>
      </c>
      <c r="D19" s="52"/>
      <c r="E19" s="52"/>
      <c r="F19" s="52"/>
      <c r="G19" s="52"/>
    </row>
    <row r="20" spans="1:13">
      <c r="A20" s="75" t="s">
        <v>22</v>
      </c>
      <c r="B20" s="24">
        <v>3</v>
      </c>
      <c r="C20" s="24">
        <v>27</v>
      </c>
      <c r="D20" s="52"/>
      <c r="E20" s="52"/>
      <c r="F20" s="52"/>
      <c r="G20" s="52"/>
    </row>
    <row r="21" spans="1:13">
      <c r="A21" s="83"/>
      <c r="B21" s="21">
        <v>0.1</v>
      </c>
      <c r="C21" s="21">
        <v>0.9</v>
      </c>
      <c r="D21" s="52"/>
      <c r="E21" s="52"/>
      <c r="F21" s="52"/>
      <c r="G21" s="52"/>
    </row>
    <row r="22" spans="1:13">
      <c r="A22" s="75" t="s">
        <v>15</v>
      </c>
      <c r="B22" s="20">
        <v>131</v>
      </c>
      <c r="C22" s="20">
        <v>5536</v>
      </c>
      <c r="D22" s="52"/>
      <c r="E22" s="52"/>
      <c r="F22" s="52"/>
      <c r="G22" s="52"/>
    </row>
    <row r="23" spans="1:13">
      <c r="A23" s="83"/>
      <c r="B23" s="21">
        <v>2.3E-2</v>
      </c>
      <c r="C23" s="21">
        <v>0.97699999999999998</v>
      </c>
      <c r="D23" s="52"/>
      <c r="E23" s="52"/>
      <c r="F23" s="52"/>
      <c r="G23" s="52"/>
    </row>
    <row r="24" spans="1:13" ht="14.25" customHeight="1">
      <c r="A24" s="71" t="s">
        <v>302</v>
      </c>
      <c r="B24" s="71"/>
      <c r="C24" s="71"/>
      <c r="D24" s="35"/>
      <c r="E24" s="35"/>
      <c r="F24" s="35"/>
      <c r="G24" s="35"/>
      <c r="H24" s="22"/>
      <c r="I24" s="22"/>
      <c r="J24" s="22"/>
      <c r="K24" s="22"/>
      <c r="L24" s="22"/>
      <c r="M24" s="22"/>
    </row>
    <row r="25" spans="1:13">
      <c r="A25" s="81"/>
      <c r="B25" s="81"/>
      <c r="C25" s="81"/>
    </row>
    <row r="26" spans="1:13">
      <c r="A26" s="81"/>
      <c r="B26" s="81"/>
      <c r="C26" s="81"/>
    </row>
    <row r="27" spans="1:13">
      <c r="A27" s="81"/>
      <c r="B27" s="81"/>
      <c r="C27" s="81"/>
    </row>
  </sheetData>
  <mergeCells count="15">
    <mergeCell ref="A3:A4"/>
    <mergeCell ref="B3:C3"/>
    <mergeCell ref="D3:E3"/>
    <mergeCell ref="F3:G3"/>
    <mergeCell ref="A5:A6"/>
    <mergeCell ref="A18:A19"/>
    <mergeCell ref="A20:A21"/>
    <mergeCell ref="A22:A23"/>
    <mergeCell ref="B14:C14"/>
    <mergeCell ref="A24:C27"/>
    <mergeCell ref="A7:A8"/>
    <mergeCell ref="A9:A10"/>
    <mergeCell ref="A11:A12"/>
    <mergeCell ref="A14:A15"/>
    <mergeCell ref="A16:A1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0"/>
  <dimension ref="A1:Q14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2" width="11.625" style="18" customWidth="1"/>
    <col min="3" max="3" width="13.875" style="18" bestFit="1" customWidth="1"/>
    <col min="4" max="5" width="8.875" style="18" customWidth="1"/>
    <col min="6" max="16384" width="9" style="18"/>
  </cols>
  <sheetData>
    <row r="1" spans="1:17">
      <c r="A1" s="70" t="s">
        <v>476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260</v>
      </c>
      <c r="B3" s="76" t="s">
        <v>124</v>
      </c>
      <c r="C3" s="76"/>
      <c r="D3" s="76"/>
      <c r="E3" s="76"/>
    </row>
    <row r="4" spans="1:17">
      <c r="A4" s="75"/>
      <c r="B4" s="11" t="s">
        <v>86</v>
      </c>
      <c r="C4" s="11" t="s">
        <v>87</v>
      </c>
      <c r="D4" s="11" t="s">
        <v>22</v>
      </c>
      <c r="E4" s="11" t="s">
        <v>15</v>
      </c>
    </row>
    <row r="5" spans="1:17">
      <c r="A5" s="73" t="s">
        <v>43</v>
      </c>
      <c r="B5" s="20">
        <v>2474</v>
      </c>
      <c r="C5" s="20">
        <v>992</v>
      </c>
      <c r="D5" s="20">
        <v>9</v>
      </c>
      <c r="E5" s="20">
        <v>3475</v>
      </c>
    </row>
    <row r="6" spans="1:17">
      <c r="A6" s="77"/>
      <c r="B6" s="21">
        <v>0.71199999999999997</v>
      </c>
      <c r="C6" s="21">
        <v>0.28499999999999998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44</v>
      </c>
      <c r="B7" s="20">
        <v>1510</v>
      </c>
      <c r="C7" s="20">
        <v>1042</v>
      </c>
      <c r="D7" s="20">
        <v>10</v>
      </c>
      <c r="E7" s="20">
        <v>2562</v>
      </c>
    </row>
    <row r="8" spans="1:17">
      <c r="A8" s="79"/>
      <c r="B8" s="21">
        <v>0.58899999999999997</v>
      </c>
      <c r="C8" s="21">
        <v>0.40699999999999997</v>
      </c>
      <c r="D8" s="21">
        <v>4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21</v>
      </c>
      <c r="C9" s="24">
        <v>11</v>
      </c>
      <c r="D9" s="24">
        <v>1</v>
      </c>
      <c r="E9" s="24">
        <v>33</v>
      </c>
    </row>
    <row r="10" spans="1:17">
      <c r="A10" s="99"/>
      <c r="B10" s="21">
        <v>0.63600000000000001</v>
      </c>
      <c r="C10" s="21">
        <v>0.33300000000000002</v>
      </c>
      <c r="D10" s="21">
        <v>0.0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4005</v>
      </c>
      <c r="C11" s="20">
        <v>2045</v>
      </c>
      <c r="D11" s="20">
        <v>20</v>
      </c>
      <c r="E11" s="20">
        <v>6070</v>
      </c>
    </row>
    <row r="12" spans="1:17">
      <c r="A12" s="74"/>
      <c r="B12" s="21">
        <v>0.66</v>
      </c>
      <c r="C12" s="21">
        <v>0.33700000000000002</v>
      </c>
      <c r="D12" s="21">
        <v>3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71" t="s">
        <v>225</v>
      </c>
      <c r="B13" s="71"/>
      <c r="C13" s="71"/>
      <c r="D13" s="71"/>
      <c r="E13" s="71"/>
      <c r="J13" s="22"/>
      <c r="K13" s="22"/>
      <c r="L13" s="22"/>
      <c r="M13" s="22"/>
      <c r="N13" s="22"/>
    </row>
    <row r="14" spans="1:17">
      <c r="A14" s="81"/>
      <c r="B14" s="81"/>
      <c r="C14" s="81"/>
      <c r="D14" s="81"/>
      <c r="E14" s="81"/>
      <c r="J14" s="22"/>
      <c r="K14" s="22"/>
      <c r="L14" s="22"/>
      <c r="M14" s="22"/>
      <c r="N14" s="22"/>
      <c r="O14" s="22"/>
    </row>
  </sheetData>
  <mergeCells count="8">
    <mergeCell ref="A13:E14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1"/>
  <dimension ref="A1:Q16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5" width="8.875" style="18" customWidth="1"/>
    <col min="6" max="16384" width="9" style="18"/>
  </cols>
  <sheetData>
    <row r="1" spans="1:17">
      <c r="A1" s="70" t="s">
        <v>477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260</v>
      </c>
      <c r="B3" s="76" t="s">
        <v>125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43</v>
      </c>
      <c r="B5" s="20">
        <v>1608</v>
      </c>
      <c r="C5" s="20">
        <v>810</v>
      </c>
      <c r="D5" s="20">
        <v>56</v>
      </c>
      <c r="E5" s="20">
        <v>2474</v>
      </c>
    </row>
    <row r="6" spans="1:17">
      <c r="A6" s="77"/>
      <c r="B6" s="21">
        <v>0.65</v>
      </c>
      <c r="C6" s="21">
        <v>0.32700000000000001</v>
      </c>
      <c r="D6" s="21">
        <v>2.3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44</v>
      </c>
      <c r="B7" s="20">
        <v>838</v>
      </c>
      <c r="C7" s="20">
        <v>637</v>
      </c>
      <c r="D7" s="20">
        <v>35</v>
      </c>
      <c r="E7" s="20">
        <v>1510</v>
      </c>
    </row>
    <row r="8" spans="1:17">
      <c r="A8" s="79"/>
      <c r="B8" s="21">
        <v>0.55500000000000005</v>
      </c>
      <c r="C8" s="21">
        <v>0.42199999999999999</v>
      </c>
      <c r="D8" s="21">
        <v>2.3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8</v>
      </c>
      <c r="C9" s="24">
        <v>10</v>
      </c>
      <c r="D9" s="24">
        <v>3</v>
      </c>
      <c r="E9" s="24">
        <v>21</v>
      </c>
    </row>
    <row r="10" spans="1:17">
      <c r="A10" s="99"/>
      <c r="B10" s="21">
        <v>0.38100000000000001</v>
      </c>
      <c r="C10" s="21">
        <v>0.47599999999999998</v>
      </c>
      <c r="D10" s="21">
        <v>0.14299999999999999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2454</v>
      </c>
      <c r="C11" s="20">
        <v>1457</v>
      </c>
      <c r="D11" s="20">
        <v>94</v>
      </c>
      <c r="E11" s="20">
        <v>4005</v>
      </c>
    </row>
    <row r="12" spans="1:17">
      <c r="A12" s="74"/>
      <c r="B12" s="21">
        <v>0.61299999999999999</v>
      </c>
      <c r="C12" s="21">
        <v>0.36399999999999999</v>
      </c>
      <c r="D12" s="21">
        <v>2.3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71" t="s">
        <v>216</v>
      </c>
      <c r="B13" s="71"/>
      <c r="C13" s="71"/>
      <c r="D13" s="71"/>
      <c r="E13" s="71"/>
      <c r="J13" s="22"/>
      <c r="K13" s="22"/>
      <c r="L13" s="22"/>
      <c r="M13" s="22"/>
      <c r="N13" s="22"/>
    </row>
    <row r="14" spans="1:17">
      <c r="A14" s="81"/>
      <c r="B14" s="81"/>
      <c r="C14" s="81"/>
      <c r="D14" s="81"/>
      <c r="E14" s="81"/>
      <c r="J14" s="22"/>
      <c r="K14" s="22"/>
      <c r="L14" s="22"/>
      <c r="M14" s="22"/>
      <c r="N14" s="22"/>
      <c r="O14" s="22"/>
    </row>
    <row r="15" spans="1:17">
      <c r="A15" s="81"/>
      <c r="B15" s="81"/>
      <c r="C15" s="81"/>
      <c r="D15" s="81"/>
      <c r="E15" s="81"/>
    </row>
    <row r="16" spans="1:17">
      <c r="A16" s="81"/>
      <c r="B16" s="81"/>
      <c r="C16" s="81"/>
      <c r="D16" s="81"/>
      <c r="E16" s="81"/>
    </row>
  </sheetData>
  <mergeCells count="8">
    <mergeCell ref="A13:E16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2"/>
  <dimension ref="A1:S14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8.875" style="18" customWidth="1"/>
    <col min="4" max="5" width="9.5" style="18" bestFit="1" customWidth="1"/>
    <col min="6" max="7" width="8.875" style="18" customWidth="1"/>
    <col min="8" max="16384" width="9" style="18"/>
  </cols>
  <sheetData>
    <row r="1" spans="1:19">
      <c r="A1" s="70" t="s">
        <v>478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0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212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3" t="s">
        <v>43</v>
      </c>
      <c r="B5" s="20">
        <v>262</v>
      </c>
      <c r="C5" s="20">
        <v>844</v>
      </c>
      <c r="D5" s="20">
        <v>1062</v>
      </c>
      <c r="E5" s="20">
        <v>1294</v>
      </c>
      <c r="F5" s="20">
        <v>13</v>
      </c>
      <c r="G5" s="20">
        <v>3475</v>
      </c>
    </row>
    <row r="6" spans="1:19">
      <c r="A6" s="77"/>
      <c r="B6" s="21">
        <v>7.4999999999999997E-2</v>
      </c>
      <c r="C6" s="21">
        <v>0.24299999999999999</v>
      </c>
      <c r="D6" s="21">
        <v>0.30599999999999999</v>
      </c>
      <c r="E6" s="21">
        <v>0.372</v>
      </c>
      <c r="F6" s="21">
        <v>4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8" t="s">
        <v>44</v>
      </c>
      <c r="B7" s="20">
        <v>171</v>
      </c>
      <c r="C7" s="20">
        <v>574</v>
      </c>
      <c r="D7" s="20">
        <v>759</v>
      </c>
      <c r="E7" s="20">
        <v>1052</v>
      </c>
      <c r="F7" s="20">
        <v>6</v>
      </c>
      <c r="G7" s="20">
        <v>2562</v>
      </c>
    </row>
    <row r="8" spans="1:19">
      <c r="A8" s="79"/>
      <c r="B8" s="21">
        <v>6.7000000000000004E-2</v>
      </c>
      <c r="C8" s="21">
        <v>0.224</v>
      </c>
      <c r="D8" s="21">
        <v>0.29599999999999999</v>
      </c>
      <c r="E8" s="21">
        <v>0.41099999999999998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2</v>
      </c>
      <c r="C9" s="24">
        <v>6</v>
      </c>
      <c r="D9" s="24">
        <v>10</v>
      </c>
      <c r="E9" s="24">
        <v>15</v>
      </c>
      <c r="F9" s="24">
        <v>0</v>
      </c>
      <c r="G9" s="24">
        <v>33</v>
      </c>
    </row>
    <row r="10" spans="1:19">
      <c r="A10" s="99"/>
      <c r="B10" s="21">
        <v>6.0999999999999999E-2</v>
      </c>
      <c r="C10" s="21">
        <v>0.182</v>
      </c>
      <c r="D10" s="21">
        <v>0.30299999999999999</v>
      </c>
      <c r="E10" s="21">
        <v>0.45500000000000002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435</v>
      </c>
      <c r="C11" s="20">
        <v>1424</v>
      </c>
      <c r="D11" s="20">
        <v>1831</v>
      </c>
      <c r="E11" s="20">
        <v>2361</v>
      </c>
      <c r="F11" s="20">
        <v>19</v>
      </c>
      <c r="G11" s="20">
        <v>6070</v>
      </c>
    </row>
    <row r="12" spans="1:19">
      <c r="A12" s="74"/>
      <c r="B12" s="21">
        <v>7.1999999999999995E-2</v>
      </c>
      <c r="C12" s="21">
        <v>0.23499999999999999</v>
      </c>
      <c r="D12" s="21">
        <v>0.30199999999999999</v>
      </c>
      <c r="E12" s="21">
        <v>0.38900000000000001</v>
      </c>
      <c r="F12" s="21">
        <v>3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ht="14.25" customHeight="1">
      <c r="A13" s="71" t="s">
        <v>217</v>
      </c>
      <c r="B13" s="71"/>
      <c r="C13" s="71"/>
      <c r="D13" s="71"/>
      <c r="E13" s="71"/>
      <c r="F13" s="71"/>
      <c r="G13" s="71"/>
      <c r="L13" s="22"/>
      <c r="M13" s="22"/>
      <c r="N13" s="22"/>
      <c r="O13" s="22"/>
      <c r="P13" s="22"/>
    </row>
    <row r="14" spans="1:19">
      <c r="A14" s="81"/>
      <c r="B14" s="81"/>
      <c r="C14" s="81"/>
      <c r="D14" s="81"/>
      <c r="E14" s="81"/>
      <c r="F14" s="81"/>
      <c r="G14" s="81"/>
      <c r="L14" s="22"/>
      <c r="M14" s="22"/>
      <c r="N14" s="22"/>
      <c r="O14" s="22"/>
      <c r="P14" s="22"/>
      <c r="Q14" s="2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/>
  <dimension ref="A1:R27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9" style="18" customWidth="1"/>
    <col min="7" max="16384" width="9" style="18"/>
  </cols>
  <sheetData>
    <row r="1" spans="1:18">
      <c r="A1" s="70" t="s">
        <v>10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6</v>
      </c>
      <c r="B3" s="76" t="s">
        <v>102</v>
      </c>
      <c r="C3" s="76"/>
      <c r="D3" s="76"/>
      <c r="E3" s="76"/>
      <c r="F3" s="76"/>
    </row>
    <row r="4" spans="1:18" ht="28.5">
      <c r="A4" s="75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3" t="s">
        <v>7</v>
      </c>
      <c r="B5" s="20">
        <v>230</v>
      </c>
      <c r="C5" s="20">
        <v>459</v>
      </c>
      <c r="D5" s="20">
        <v>1811</v>
      </c>
      <c r="E5" s="20">
        <v>17</v>
      </c>
      <c r="F5" s="20">
        <v>2517</v>
      </c>
    </row>
    <row r="6" spans="1:18">
      <c r="A6" s="77"/>
      <c r="B6" s="21">
        <v>9.0999999999999998E-2</v>
      </c>
      <c r="C6" s="21">
        <v>0.182</v>
      </c>
      <c r="D6" s="21">
        <v>0.72</v>
      </c>
      <c r="E6" s="21">
        <v>7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3" t="s">
        <v>8</v>
      </c>
      <c r="B7" s="24">
        <v>59</v>
      </c>
      <c r="C7" s="24">
        <v>95</v>
      </c>
      <c r="D7" s="24">
        <v>372</v>
      </c>
      <c r="E7" s="24">
        <v>3</v>
      </c>
      <c r="F7" s="20">
        <v>529</v>
      </c>
      <c r="K7" s="22"/>
      <c r="L7" s="22"/>
      <c r="M7" s="22"/>
      <c r="N7" s="22"/>
      <c r="O7" s="22"/>
    </row>
    <row r="8" spans="1:18">
      <c r="A8" s="74"/>
      <c r="B8" s="21">
        <v>0.112</v>
      </c>
      <c r="C8" s="21">
        <v>0.18</v>
      </c>
      <c r="D8" s="21">
        <v>0.70299999999999996</v>
      </c>
      <c r="E8" s="21">
        <v>6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9</v>
      </c>
      <c r="B9" s="24">
        <v>91</v>
      </c>
      <c r="C9" s="24">
        <v>182</v>
      </c>
      <c r="D9" s="24">
        <v>637</v>
      </c>
      <c r="E9" s="24">
        <v>6</v>
      </c>
      <c r="F9" s="24">
        <v>916</v>
      </c>
      <c r="K9" s="22"/>
      <c r="L9" s="22"/>
      <c r="M9" s="22"/>
      <c r="N9" s="22"/>
      <c r="O9" s="22"/>
    </row>
    <row r="10" spans="1:18">
      <c r="A10" s="74"/>
      <c r="B10" s="21">
        <v>9.9000000000000005E-2</v>
      </c>
      <c r="C10" s="21">
        <v>0.19900000000000001</v>
      </c>
      <c r="D10" s="21">
        <v>0.69499999999999995</v>
      </c>
      <c r="E10" s="21">
        <v>7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10</v>
      </c>
      <c r="B11" s="24">
        <v>23</v>
      </c>
      <c r="C11" s="24">
        <v>40</v>
      </c>
      <c r="D11" s="24">
        <v>202</v>
      </c>
      <c r="E11" s="24">
        <v>2</v>
      </c>
      <c r="F11" s="24">
        <v>267</v>
      </c>
      <c r="K11" s="22"/>
      <c r="L11" s="22"/>
      <c r="M11" s="22"/>
      <c r="N11" s="22"/>
      <c r="O11" s="22"/>
    </row>
    <row r="12" spans="1:18">
      <c r="A12" s="79"/>
      <c r="B12" s="21">
        <v>8.5999999999999993E-2</v>
      </c>
      <c r="C12" s="21">
        <v>0.15</v>
      </c>
      <c r="D12" s="21">
        <v>0.75700000000000001</v>
      </c>
      <c r="E12" s="21">
        <v>7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3" t="s">
        <v>11</v>
      </c>
      <c r="B13" s="24">
        <v>20</v>
      </c>
      <c r="C13" s="24">
        <v>36</v>
      </c>
      <c r="D13" s="24">
        <v>181</v>
      </c>
      <c r="E13" s="24">
        <v>0</v>
      </c>
      <c r="F13" s="24">
        <v>237</v>
      </c>
      <c r="K13" s="22"/>
      <c r="L13" s="22"/>
      <c r="M13" s="22"/>
      <c r="N13" s="22"/>
      <c r="O13" s="22"/>
    </row>
    <row r="14" spans="1:18">
      <c r="A14" s="74"/>
      <c r="B14" s="21">
        <v>8.4000000000000005E-2</v>
      </c>
      <c r="C14" s="21">
        <v>0.152</v>
      </c>
      <c r="D14" s="21">
        <v>0.76400000000000001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73" t="s">
        <v>12</v>
      </c>
      <c r="B15" s="24">
        <v>29</v>
      </c>
      <c r="C15" s="24">
        <v>56</v>
      </c>
      <c r="D15" s="24">
        <v>146</v>
      </c>
      <c r="E15" s="24">
        <v>0</v>
      </c>
      <c r="F15" s="24">
        <v>231</v>
      </c>
      <c r="K15" s="22"/>
      <c r="L15" s="22"/>
      <c r="M15" s="22"/>
      <c r="N15" s="22"/>
      <c r="O15" s="22"/>
    </row>
    <row r="16" spans="1:18">
      <c r="A16" s="74"/>
      <c r="B16" s="21">
        <v>0.126</v>
      </c>
      <c r="C16" s="21">
        <v>0.24199999999999999</v>
      </c>
      <c r="D16" s="21">
        <v>0.63200000000000001</v>
      </c>
      <c r="E16" s="21">
        <v>0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 s="23" customFormat="1">
      <c r="A17" s="73" t="s">
        <v>13</v>
      </c>
      <c r="B17" s="20">
        <v>115</v>
      </c>
      <c r="C17" s="20">
        <v>217</v>
      </c>
      <c r="D17" s="20">
        <v>810</v>
      </c>
      <c r="E17" s="20">
        <v>4</v>
      </c>
      <c r="F17" s="20">
        <v>1146</v>
      </c>
    </row>
    <row r="18" spans="1:18">
      <c r="A18" s="74"/>
      <c r="B18" s="21">
        <v>0.1</v>
      </c>
      <c r="C18" s="21">
        <v>0.189</v>
      </c>
      <c r="D18" s="21">
        <v>0.70699999999999996</v>
      </c>
      <c r="E18" s="21">
        <v>3.0000000000000001E-3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>
      <c r="A19" s="73" t="s">
        <v>14</v>
      </c>
      <c r="B19" s="24">
        <v>17</v>
      </c>
      <c r="C19" s="24">
        <v>29</v>
      </c>
      <c r="D19" s="24">
        <v>133</v>
      </c>
      <c r="E19" s="24">
        <v>0</v>
      </c>
      <c r="F19" s="24">
        <v>179</v>
      </c>
      <c r="K19" s="22"/>
      <c r="L19" s="22"/>
      <c r="M19" s="22"/>
      <c r="N19" s="22"/>
      <c r="O19" s="22"/>
    </row>
    <row r="20" spans="1:18">
      <c r="A20" s="74"/>
      <c r="B20" s="21">
        <v>9.5000000000000001E-2</v>
      </c>
      <c r="C20" s="21">
        <v>0.16200000000000001</v>
      </c>
      <c r="D20" s="21">
        <v>0.74299999999999999</v>
      </c>
      <c r="E20" s="21">
        <v>0</v>
      </c>
      <c r="F20" s="21">
        <v>1</v>
      </c>
      <c r="K20" s="22"/>
      <c r="L20" s="22"/>
      <c r="M20" s="22"/>
      <c r="N20" s="22"/>
      <c r="O20" s="22"/>
      <c r="P20" s="22"/>
      <c r="Q20" s="22"/>
      <c r="R20" s="22"/>
    </row>
    <row r="21" spans="1:18">
      <c r="A21" s="72" t="s">
        <v>22</v>
      </c>
      <c r="B21" s="34">
        <v>9</v>
      </c>
      <c r="C21" s="34">
        <v>9</v>
      </c>
      <c r="D21" s="34">
        <v>28</v>
      </c>
      <c r="E21" s="34">
        <v>2</v>
      </c>
      <c r="F21" s="34">
        <v>48</v>
      </c>
      <c r="K21" s="22"/>
      <c r="L21" s="22"/>
      <c r="M21" s="22"/>
      <c r="N21" s="22"/>
      <c r="O21" s="22"/>
    </row>
    <row r="22" spans="1:18" s="26" customFormat="1">
      <c r="A22" s="72"/>
      <c r="B22" s="33">
        <v>0.188</v>
      </c>
      <c r="C22" s="33">
        <v>0.188</v>
      </c>
      <c r="D22" s="33">
        <v>0.58299999999999996</v>
      </c>
      <c r="E22" s="33">
        <v>4.2000000000000003E-2</v>
      </c>
      <c r="F22" s="33">
        <v>1</v>
      </c>
    </row>
    <row r="23" spans="1:18" s="23" customFormat="1">
      <c r="A23" s="73" t="s">
        <v>15</v>
      </c>
      <c r="B23" s="20">
        <v>593</v>
      </c>
      <c r="C23" s="20">
        <v>1123</v>
      </c>
      <c r="D23" s="20">
        <v>4320</v>
      </c>
      <c r="E23" s="20">
        <v>34</v>
      </c>
      <c r="F23" s="20">
        <v>6070</v>
      </c>
    </row>
    <row r="24" spans="1:18">
      <c r="A24" s="74"/>
      <c r="B24" s="21">
        <v>9.8000000000000004E-2</v>
      </c>
      <c r="C24" s="21">
        <v>0.185</v>
      </c>
      <c r="D24" s="21">
        <v>0.71199999999999997</v>
      </c>
      <c r="E24" s="21">
        <v>6.0000000000000001E-3</v>
      </c>
      <c r="F24" s="21">
        <v>1</v>
      </c>
      <c r="K24" s="22"/>
      <c r="L24" s="22"/>
      <c r="M24" s="22"/>
      <c r="N24" s="22"/>
      <c r="O24" s="22"/>
      <c r="P24" s="22"/>
      <c r="Q24" s="22"/>
      <c r="R24" s="22"/>
    </row>
    <row r="25" spans="1:18" ht="14.25" customHeight="1">
      <c r="A25" s="71" t="s">
        <v>227</v>
      </c>
      <c r="B25" s="71"/>
      <c r="C25" s="71"/>
      <c r="D25" s="71"/>
      <c r="E25" s="71"/>
      <c r="F25" s="71"/>
      <c r="K25" s="22"/>
      <c r="L25" s="22"/>
      <c r="M25" s="22"/>
      <c r="N25" s="22"/>
      <c r="O25" s="22"/>
    </row>
    <row r="26" spans="1:18">
      <c r="A26" s="81"/>
      <c r="B26" s="81"/>
      <c r="C26" s="81"/>
      <c r="D26" s="81"/>
      <c r="E26" s="81"/>
      <c r="F26" s="81"/>
    </row>
    <row r="27" spans="1:18">
      <c r="A27" s="81"/>
      <c r="B27" s="81"/>
      <c r="C27" s="81"/>
      <c r="D27" s="81"/>
      <c r="E27" s="81"/>
      <c r="F27" s="81"/>
    </row>
  </sheetData>
  <mergeCells count="14">
    <mergeCell ref="A25:F27"/>
    <mergeCell ref="A23:A24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3"/>
  <dimension ref="A1:R14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2" width="8.25" style="18" customWidth="1"/>
    <col min="3" max="3" width="9.25" style="18" customWidth="1"/>
    <col min="4" max="4" width="9.625" style="18" customWidth="1"/>
    <col min="5" max="5" width="8.75" style="18" customWidth="1"/>
    <col min="6" max="6" width="9.875" style="18" customWidth="1"/>
    <col min="7" max="16384" width="9" style="18"/>
  </cols>
  <sheetData>
    <row r="1" spans="1:18">
      <c r="A1" s="70" t="s">
        <v>479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240</v>
      </c>
      <c r="B3" s="76" t="s">
        <v>127</v>
      </c>
      <c r="C3" s="76"/>
      <c r="D3" s="76"/>
      <c r="E3" s="76"/>
      <c r="F3" s="76"/>
    </row>
    <row r="4" spans="1:18" ht="28.5">
      <c r="A4" s="75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3" t="s">
        <v>43</v>
      </c>
      <c r="B5" s="20">
        <v>345</v>
      </c>
      <c r="C5" s="20">
        <v>695</v>
      </c>
      <c r="D5" s="20">
        <v>2411</v>
      </c>
      <c r="E5" s="20">
        <v>24</v>
      </c>
      <c r="F5" s="20">
        <v>3475</v>
      </c>
    </row>
    <row r="6" spans="1:18">
      <c r="A6" s="77"/>
      <c r="B6" s="21">
        <v>9.9000000000000005E-2</v>
      </c>
      <c r="C6" s="21">
        <v>0.2</v>
      </c>
      <c r="D6" s="21">
        <v>0.69399999999999995</v>
      </c>
      <c r="E6" s="21">
        <v>7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44</v>
      </c>
      <c r="B7" s="20">
        <v>243</v>
      </c>
      <c r="C7" s="20">
        <v>421</v>
      </c>
      <c r="D7" s="20">
        <v>1888</v>
      </c>
      <c r="E7" s="20">
        <v>10</v>
      </c>
      <c r="F7" s="20">
        <v>2562</v>
      </c>
    </row>
    <row r="8" spans="1:18">
      <c r="A8" s="79"/>
      <c r="B8" s="21">
        <v>9.5000000000000001E-2</v>
      </c>
      <c r="C8" s="21">
        <v>0.16400000000000001</v>
      </c>
      <c r="D8" s="21">
        <v>0.73699999999999999</v>
      </c>
      <c r="E8" s="21">
        <v>4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5</v>
      </c>
      <c r="C9" s="24">
        <v>7</v>
      </c>
      <c r="D9" s="24">
        <v>21</v>
      </c>
      <c r="E9" s="24">
        <v>0</v>
      </c>
      <c r="F9" s="24">
        <v>33</v>
      </c>
    </row>
    <row r="10" spans="1:18">
      <c r="A10" s="99"/>
      <c r="B10" s="21">
        <v>0.152</v>
      </c>
      <c r="C10" s="21">
        <v>0.21199999999999999</v>
      </c>
      <c r="D10" s="21">
        <v>0.63600000000000001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593</v>
      </c>
      <c r="C11" s="20">
        <v>1123</v>
      </c>
      <c r="D11" s="20">
        <v>4320</v>
      </c>
      <c r="E11" s="20">
        <v>34</v>
      </c>
      <c r="F11" s="20">
        <v>6070</v>
      </c>
    </row>
    <row r="12" spans="1:18">
      <c r="A12" s="74"/>
      <c r="B12" s="21">
        <v>9.8000000000000004E-2</v>
      </c>
      <c r="C12" s="21">
        <v>0.185</v>
      </c>
      <c r="D12" s="21">
        <v>0.71199999999999997</v>
      </c>
      <c r="E12" s="21">
        <v>6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227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4"/>
  <dimension ref="A1:R14"/>
  <sheetViews>
    <sheetView workbookViewId="0">
      <selection activeCell="A2" sqref="A2"/>
    </sheetView>
  </sheetViews>
  <sheetFormatPr defaultColWidth="9" defaultRowHeight="14.25"/>
  <cols>
    <col min="1" max="1" width="11.625" style="18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80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40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3" t="s">
        <v>43</v>
      </c>
      <c r="B5" s="20">
        <v>1582</v>
      </c>
      <c r="C5" s="20">
        <v>1375</v>
      </c>
      <c r="D5" s="20">
        <v>511</v>
      </c>
      <c r="E5" s="20">
        <v>7</v>
      </c>
      <c r="F5" s="20">
        <v>3475</v>
      </c>
    </row>
    <row r="6" spans="1:18">
      <c r="A6" s="77"/>
      <c r="B6" s="21">
        <v>0.45500000000000002</v>
      </c>
      <c r="C6" s="21">
        <v>0.39600000000000002</v>
      </c>
      <c r="D6" s="21">
        <v>0.14699999999999999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44</v>
      </c>
      <c r="B7" s="20">
        <v>862</v>
      </c>
      <c r="C7" s="20">
        <v>1278</v>
      </c>
      <c r="D7" s="20">
        <v>416</v>
      </c>
      <c r="E7" s="20">
        <v>6</v>
      </c>
      <c r="F7" s="20">
        <v>2562</v>
      </c>
    </row>
    <row r="8" spans="1:18">
      <c r="A8" s="79"/>
      <c r="B8" s="21">
        <v>0.33600000000000002</v>
      </c>
      <c r="C8" s="21">
        <v>0.499</v>
      </c>
      <c r="D8" s="21">
        <v>0.16200000000000001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13</v>
      </c>
      <c r="C9" s="24">
        <v>13</v>
      </c>
      <c r="D9" s="24">
        <v>7</v>
      </c>
      <c r="E9" s="24">
        <v>0</v>
      </c>
      <c r="F9" s="24">
        <v>33</v>
      </c>
    </row>
    <row r="10" spans="1:18">
      <c r="A10" s="99"/>
      <c r="B10" s="21">
        <v>0.39400000000000002</v>
      </c>
      <c r="C10" s="21">
        <v>0.39400000000000002</v>
      </c>
      <c r="D10" s="21">
        <v>0.21199999999999999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2457</v>
      </c>
      <c r="C11" s="20">
        <v>2666</v>
      </c>
      <c r="D11" s="20">
        <v>934</v>
      </c>
      <c r="E11" s="20">
        <v>13</v>
      </c>
      <c r="F11" s="20">
        <v>6070</v>
      </c>
    </row>
    <row r="12" spans="1:18">
      <c r="A12" s="74"/>
      <c r="B12" s="21">
        <v>0.40500000000000003</v>
      </c>
      <c r="C12" s="21">
        <v>0.439</v>
      </c>
      <c r="D12" s="21">
        <v>0.154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261</v>
      </c>
      <c r="B13" s="96"/>
      <c r="C13" s="96"/>
      <c r="D13" s="96"/>
      <c r="E13" s="96"/>
      <c r="F13" s="96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5"/>
  <dimension ref="A1:S14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4" width="8.875" style="18" customWidth="1"/>
    <col min="5" max="5" width="11.625" style="18" bestFit="1" customWidth="1"/>
    <col min="6" max="7" width="8.875" style="18" customWidth="1"/>
    <col min="8" max="16384" width="9" style="18"/>
  </cols>
  <sheetData>
    <row r="1" spans="1:19">
      <c r="A1" s="70" t="s">
        <v>481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40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9">
      <c r="A5" s="73" t="s">
        <v>43</v>
      </c>
      <c r="B5" s="20">
        <v>678</v>
      </c>
      <c r="C5" s="20">
        <v>347</v>
      </c>
      <c r="D5" s="20">
        <v>66</v>
      </c>
      <c r="E5" s="20">
        <v>486</v>
      </c>
      <c r="F5" s="20">
        <v>5</v>
      </c>
      <c r="G5" s="20">
        <v>1582</v>
      </c>
    </row>
    <row r="6" spans="1:19">
      <c r="A6" s="77"/>
      <c r="B6" s="21">
        <v>0.42899999999999999</v>
      </c>
      <c r="C6" s="21">
        <v>0.219</v>
      </c>
      <c r="D6" s="21">
        <v>4.2000000000000003E-2</v>
      </c>
      <c r="E6" s="21">
        <v>0.307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44</v>
      </c>
      <c r="B7" s="24">
        <v>422</v>
      </c>
      <c r="C7" s="24">
        <v>164</v>
      </c>
      <c r="D7" s="24">
        <v>17</v>
      </c>
      <c r="E7" s="24">
        <v>258</v>
      </c>
      <c r="F7" s="24">
        <v>1</v>
      </c>
      <c r="G7" s="20">
        <v>862</v>
      </c>
      <c r="L7" s="22"/>
      <c r="M7" s="22"/>
      <c r="N7" s="22"/>
      <c r="O7" s="22"/>
      <c r="P7" s="22"/>
    </row>
    <row r="8" spans="1:19">
      <c r="A8" s="79"/>
      <c r="B8" s="21">
        <v>0.49</v>
      </c>
      <c r="C8" s="21">
        <v>0.19</v>
      </c>
      <c r="D8" s="21">
        <v>0.02</v>
      </c>
      <c r="E8" s="21">
        <v>0.29899999999999999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5</v>
      </c>
      <c r="C9" s="24">
        <v>1</v>
      </c>
      <c r="D9" s="24">
        <v>1</v>
      </c>
      <c r="E9" s="24">
        <v>6</v>
      </c>
      <c r="F9" s="24">
        <v>0</v>
      </c>
      <c r="G9" s="24">
        <v>13</v>
      </c>
    </row>
    <row r="10" spans="1:19">
      <c r="A10" s="99"/>
      <c r="B10" s="21">
        <v>0.38500000000000001</v>
      </c>
      <c r="C10" s="21">
        <v>7.6999999999999999E-2</v>
      </c>
      <c r="D10" s="21">
        <v>7.6999999999999999E-2</v>
      </c>
      <c r="E10" s="21">
        <v>0.46200000000000002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1105</v>
      </c>
      <c r="C11" s="20">
        <v>512</v>
      </c>
      <c r="D11" s="20">
        <v>84</v>
      </c>
      <c r="E11" s="20">
        <v>750</v>
      </c>
      <c r="F11" s="20">
        <v>6</v>
      </c>
      <c r="G11" s="20">
        <v>2457</v>
      </c>
    </row>
    <row r="12" spans="1:19">
      <c r="A12" s="74"/>
      <c r="B12" s="21">
        <v>0.45</v>
      </c>
      <c r="C12" s="21">
        <v>0.20799999999999999</v>
      </c>
      <c r="D12" s="21">
        <v>3.4000000000000002E-2</v>
      </c>
      <c r="E12" s="21">
        <v>0.30499999999999999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1" t="s">
        <v>218</v>
      </c>
      <c r="B13" s="96"/>
      <c r="C13" s="96"/>
      <c r="D13" s="96"/>
      <c r="E13" s="96"/>
      <c r="F13" s="96"/>
      <c r="G13" s="96"/>
      <c r="L13" s="22"/>
      <c r="M13" s="22"/>
      <c r="N13" s="22"/>
      <c r="O13" s="22"/>
      <c r="P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6"/>
  <dimension ref="A1:R14"/>
  <sheetViews>
    <sheetView workbookViewId="0">
      <selection activeCell="A2" sqref="A2"/>
    </sheetView>
  </sheetViews>
  <sheetFormatPr defaultColWidth="9" defaultRowHeight="14.25"/>
  <cols>
    <col min="1" max="1" width="22.75" style="18" bestFit="1" customWidth="1"/>
    <col min="2" max="4" width="9.5" style="18" bestFit="1" customWidth="1"/>
    <col min="5" max="6" width="8.875" style="18" customWidth="1"/>
    <col min="7" max="16384" width="9" style="18"/>
  </cols>
  <sheetData>
    <row r="1" spans="1:18">
      <c r="A1" s="70" t="s">
        <v>482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47</v>
      </c>
      <c r="B3" s="76" t="s">
        <v>118</v>
      </c>
      <c r="C3" s="76"/>
      <c r="D3" s="76"/>
      <c r="E3" s="76"/>
      <c r="F3" s="76"/>
    </row>
    <row r="4" spans="1:18" ht="28.5">
      <c r="A4" s="84"/>
      <c r="B4" s="11" t="s">
        <v>214</v>
      </c>
      <c r="C4" s="11" t="s">
        <v>215</v>
      </c>
      <c r="D4" s="11" t="s">
        <v>54</v>
      </c>
      <c r="E4" s="11" t="s">
        <v>22</v>
      </c>
      <c r="F4" s="11" t="s">
        <v>15</v>
      </c>
    </row>
    <row r="5" spans="1:18">
      <c r="A5" s="78" t="s">
        <v>187</v>
      </c>
      <c r="B5" s="20">
        <v>442</v>
      </c>
      <c r="C5" s="20">
        <v>1892</v>
      </c>
      <c r="D5" s="20">
        <v>1704</v>
      </c>
      <c r="E5" s="20">
        <v>0</v>
      </c>
      <c r="F5" s="20">
        <v>4038</v>
      </c>
    </row>
    <row r="6" spans="1:18">
      <c r="A6" s="77"/>
      <c r="B6" s="21">
        <v>0.109</v>
      </c>
      <c r="C6" s="21">
        <v>0.46899999999999997</v>
      </c>
      <c r="D6" s="21">
        <v>0.42199999999999999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188</v>
      </c>
      <c r="B7" s="20">
        <v>110</v>
      </c>
      <c r="C7" s="20">
        <v>847</v>
      </c>
      <c r="D7" s="20">
        <v>1067</v>
      </c>
      <c r="E7" s="20">
        <v>3</v>
      </c>
      <c r="F7" s="20">
        <v>2027</v>
      </c>
    </row>
    <row r="8" spans="1:18">
      <c r="A8" s="79"/>
      <c r="B8" s="21">
        <v>5.3999999999999999E-2</v>
      </c>
      <c r="C8" s="21">
        <v>0.41799999999999998</v>
      </c>
      <c r="D8" s="21">
        <v>0.52600000000000002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1</v>
      </c>
      <c r="C9" s="24">
        <v>1</v>
      </c>
      <c r="D9" s="24">
        <v>3</v>
      </c>
      <c r="E9" s="24">
        <v>0</v>
      </c>
      <c r="F9" s="24">
        <v>5</v>
      </c>
    </row>
    <row r="10" spans="1:18">
      <c r="A10" s="99"/>
      <c r="B10" s="21">
        <v>0.2</v>
      </c>
      <c r="C10" s="21">
        <v>0.2</v>
      </c>
      <c r="D10" s="21">
        <v>0.6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553</v>
      </c>
      <c r="C11" s="20">
        <v>2740</v>
      </c>
      <c r="D11" s="20">
        <v>2774</v>
      </c>
      <c r="E11" s="20">
        <v>3</v>
      </c>
      <c r="F11" s="20">
        <v>6070</v>
      </c>
    </row>
    <row r="12" spans="1:18">
      <c r="A12" s="74"/>
      <c r="B12" s="21">
        <v>9.0999999999999998E-2</v>
      </c>
      <c r="C12" s="21">
        <v>0.45100000000000001</v>
      </c>
      <c r="D12" s="21">
        <v>0.45700000000000002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58</v>
      </c>
      <c r="B13" s="96"/>
      <c r="C13" s="96"/>
      <c r="D13" s="96"/>
      <c r="E13" s="96"/>
      <c r="F13" s="96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7"/>
  <dimension ref="A1:T14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8" width="9" style="18" customWidth="1"/>
    <col min="9" max="16384" width="9" style="18"/>
  </cols>
  <sheetData>
    <row r="1" spans="1:20">
      <c r="A1" s="70" t="s">
        <v>483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84" t="s">
        <v>265</v>
      </c>
      <c r="B3" s="76" t="s">
        <v>119</v>
      </c>
      <c r="C3" s="76"/>
      <c r="D3" s="76"/>
      <c r="E3" s="76"/>
      <c r="F3" s="76"/>
      <c r="G3" s="76"/>
      <c r="H3" s="76"/>
    </row>
    <row r="4" spans="1:20" ht="71.25">
      <c r="A4" s="75"/>
      <c r="B4" s="11" t="s">
        <v>263</v>
      </c>
      <c r="C4" s="11" t="s">
        <v>266</v>
      </c>
      <c r="D4" s="11" t="s">
        <v>267</v>
      </c>
      <c r="E4" s="11" t="s">
        <v>268</v>
      </c>
      <c r="F4" s="11" t="s">
        <v>191</v>
      </c>
      <c r="G4" s="11" t="s">
        <v>22</v>
      </c>
      <c r="H4" s="11" t="s">
        <v>15</v>
      </c>
    </row>
    <row r="5" spans="1:20" ht="33" customHeight="1">
      <c r="A5" s="78" t="s">
        <v>262</v>
      </c>
      <c r="B5" s="20">
        <v>492</v>
      </c>
      <c r="C5" s="20">
        <v>1112</v>
      </c>
      <c r="D5" s="20">
        <v>759</v>
      </c>
      <c r="E5" s="20">
        <v>1055</v>
      </c>
      <c r="F5" s="20">
        <v>618</v>
      </c>
      <c r="G5" s="20">
        <v>2</v>
      </c>
      <c r="H5" s="20">
        <v>4038</v>
      </c>
    </row>
    <row r="6" spans="1:20" ht="33" customHeight="1">
      <c r="A6" s="77"/>
      <c r="B6" s="21">
        <v>0.122</v>
      </c>
      <c r="C6" s="21">
        <v>0.27500000000000002</v>
      </c>
      <c r="D6" s="21">
        <v>0.188</v>
      </c>
      <c r="E6" s="21">
        <v>0.26100000000000001</v>
      </c>
      <c r="F6" s="21">
        <v>0.153</v>
      </c>
      <c r="G6" s="21">
        <v>0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 ht="33" customHeight="1">
      <c r="A7" s="78" t="s">
        <v>264</v>
      </c>
      <c r="B7" s="24">
        <v>124</v>
      </c>
      <c r="C7" s="24">
        <v>418</v>
      </c>
      <c r="D7" s="24">
        <v>375</v>
      </c>
      <c r="E7" s="24">
        <v>760</v>
      </c>
      <c r="F7" s="24">
        <v>350</v>
      </c>
      <c r="G7" s="24">
        <v>0</v>
      </c>
      <c r="H7" s="20">
        <v>2027</v>
      </c>
      <c r="M7" s="22"/>
      <c r="N7" s="22"/>
      <c r="O7" s="22"/>
      <c r="P7" s="22"/>
      <c r="Q7" s="22"/>
    </row>
    <row r="8" spans="1:20" ht="33" customHeight="1">
      <c r="A8" s="74"/>
      <c r="B8" s="21">
        <v>6.0999999999999999E-2</v>
      </c>
      <c r="C8" s="21">
        <v>0.20599999999999999</v>
      </c>
      <c r="D8" s="21">
        <v>0.185</v>
      </c>
      <c r="E8" s="21">
        <v>0.375</v>
      </c>
      <c r="F8" s="21">
        <v>0.17299999999999999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95" t="s">
        <v>22</v>
      </c>
      <c r="B9" s="24">
        <v>1</v>
      </c>
      <c r="C9" s="24">
        <v>0</v>
      </c>
      <c r="D9" s="24">
        <v>1</v>
      </c>
      <c r="E9" s="24">
        <v>1</v>
      </c>
      <c r="F9" s="24">
        <v>2</v>
      </c>
      <c r="G9" s="24">
        <v>0</v>
      </c>
      <c r="H9" s="24">
        <v>5</v>
      </c>
    </row>
    <row r="10" spans="1:20">
      <c r="A10" s="99"/>
      <c r="B10" s="21">
        <v>0.2</v>
      </c>
      <c r="C10" s="21">
        <v>0</v>
      </c>
      <c r="D10" s="21">
        <v>0.2</v>
      </c>
      <c r="E10" s="21">
        <v>0.2</v>
      </c>
      <c r="F10" s="21">
        <v>0.4</v>
      </c>
      <c r="G10" s="21">
        <v>0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 s="23" customFormat="1">
      <c r="A11" s="73" t="s">
        <v>15</v>
      </c>
      <c r="B11" s="20">
        <v>617</v>
      </c>
      <c r="C11" s="20">
        <v>1530</v>
      </c>
      <c r="D11" s="20">
        <v>1135</v>
      </c>
      <c r="E11" s="20">
        <v>1816</v>
      </c>
      <c r="F11" s="20">
        <v>970</v>
      </c>
      <c r="G11" s="20">
        <v>2</v>
      </c>
      <c r="H11" s="20">
        <v>6070</v>
      </c>
    </row>
    <row r="12" spans="1:20">
      <c r="A12" s="74"/>
      <c r="B12" s="21">
        <v>0.10199999999999999</v>
      </c>
      <c r="C12" s="21">
        <v>0.252</v>
      </c>
      <c r="D12" s="21">
        <v>0.187</v>
      </c>
      <c r="E12" s="21">
        <v>0.29899999999999999</v>
      </c>
      <c r="F12" s="21">
        <v>0.16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>
      <c r="A13" s="71" t="s">
        <v>65</v>
      </c>
      <c r="B13" s="96"/>
      <c r="C13" s="96"/>
      <c r="D13" s="96"/>
      <c r="E13" s="96"/>
      <c r="F13" s="96"/>
      <c r="G13" s="96"/>
      <c r="H13" s="96"/>
      <c r="M13" s="22"/>
      <c r="N13" s="22"/>
      <c r="O13" s="22"/>
      <c r="P13" s="22"/>
      <c r="Q13" s="22"/>
    </row>
    <row r="14" spans="1:20">
      <c r="A14" s="25"/>
      <c r="B14" s="25"/>
      <c r="C14" s="25"/>
      <c r="D14" s="25"/>
      <c r="E14" s="25"/>
      <c r="F14" s="25"/>
      <c r="G14" s="25"/>
      <c r="H14" s="25"/>
      <c r="M14" s="22"/>
      <c r="N14" s="22"/>
      <c r="O14" s="22"/>
      <c r="P14" s="22"/>
      <c r="Q14" s="22"/>
      <c r="R14" s="22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8"/>
  <dimension ref="A1:S14"/>
  <sheetViews>
    <sheetView workbookViewId="0">
      <selection activeCell="A2" sqref="A2"/>
    </sheetView>
  </sheetViews>
  <sheetFormatPr defaultColWidth="9" defaultRowHeight="14.25"/>
  <cols>
    <col min="1" max="1" width="13.875" style="18" customWidth="1"/>
    <col min="2" max="7" width="8.875" style="18" customWidth="1"/>
    <col min="8" max="16384" width="9" style="18"/>
  </cols>
  <sheetData>
    <row r="1" spans="1:19">
      <c r="A1" s="70" t="s">
        <v>484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65</v>
      </c>
      <c r="B3" s="76" t="s">
        <v>120</v>
      </c>
      <c r="C3" s="76"/>
      <c r="D3" s="76"/>
      <c r="E3" s="76"/>
      <c r="F3" s="76"/>
      <c r="G3" s="76"/>
    </row>
    <row r="4" spans="1:19" ht="71.25">
      <c r="A4" s="84"/>
      <c r="B4" s="11" t="s">
        <v>270</v>
      </c>
      <c r="C4" s="11" t="s">
        <v>269</v>
      </c>
      <c r="D4" s="11" t="s">
        <v>271</v>
      </c>
      <c r="E4" s="11" t="s">
        <v>272</v>
      </c>
      <c r="F4" s="11" t="s">
        <v>22</v>
      </c>
      <c r="G4" s="11" t="s">
        <v>15</v>
      </c>
    </row>
    <row r="5" spans="1:19" ht="33" customHeight="1">
      <c r="A5" s="78" t="s">
        <v>262</v>
      </c>
      <c r="B5" s="20">
        <v>1677</v>
      </c>
      <c r="C5" s="20">
        <v>369</v>
      </c>
      <c r="D5" s="20">
        <v>217</v>
      </c>
      <c r="E5" s="20">
        <v>1765</v>
      </c>
      <c r="F5" s="20">
        <v>10</v>
      </c>
      <c r="G5" s="20">
        <v>4038</v>
      </c>
    </row>
    <row r="6" spans="1:19" ht="33" customHeight="1">
      <c r="A6" s="77"/>
      <c r="B6" s="21">
        <v>0.41499999999999998</v>
      </c>
      <c r="C6" s="21">
        <v>9.0999999999999998E-2</v>
      </c>
      <c r="D6" s="21">
        <v>5.3999999999999999E-2</v>
      </c>
      <c r="E6" s="21">
        <v>0.437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ht="33" customHeight="1">
      <c r="A7" s="78" t="s">
        <v>264</v>
      </c>
      <c r="B7" s="24">
        <v>725</v>
      </c>
      <c r="C7" s="24">
        <v>193</v>
      </c>
      <c r="D7" s="24">
        <v>151</v>
      </c>
      <c r="E7" s="24">
        <v>956</v>
      </c>
      <c r="F7" s="24">
        <v>2</v>
      </c>
      <c r="G7" s="20">
        <v>2027</v>
      </c>
      <c r="L7" s="22"/>
      <c r="M7" s="22"/>
      <c r="N7" s="22"/>
      <c r="O7" s="22"/>
      <c r="P7" s="22"/>
    </row>
    <row r="8" spans="1:19" ht="33" customHeight="1">
      <c r="A8" s="79"/>
      <c r="B8" s="21">
        <v>0.35799999999999998</v>
      </c>
      <c r="C8" s="21">
        <v>9.5000000000000001E-2</v>
      </c>
      <c r="D8" s="21">
        <v>7.3999999999999996E-2</v>
      </c>
      <c r="E8" s="21">
        <v>0.47199999999999998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2</v>
      </c>
      <c r="C9" s="24">
        <v>0</v>
      </c>
      <c r="D9" s="24">
        <v>0</v>
      </c>
      <c r="E9" s="24">
        <v>3</v>
      </c>
      <c r="F9" s="24">
        <v>0</v>
      </c>
      <c r="G9" s="24">
        <v>5</v>
      </c>
    </row>
    <row r="10" spans="1:19">
      <c r="A10" s="99"/>
      <c r="B10" s="21">
        <v>0.4</v>
      </c>
      <c r="C10" s="21">
        <v>0</v>
      </c>
      <c r="D10" s="21">
        <v>0</v>
      </c>
      <c r="E10" s="21">
        <v>0.6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2404</v>
      </c>
      <c r="C11" s="20">
        <v>562</v>
      </c>
      <c r="D11" s="20">
        <v>368</v>
      </c>
      <c r="E11" s="20">
        <v>2724</v>
      </c>
      <c r="F11" s="20">
        <v>12</v>
      </c>
      <c r="G11" s="20">
        <v>6070</v>
      </c>
    </row>
    <row r="12" spans="1:19">
      <c r="A12" s="74"/>
      <c r="B12" s="21">
        <v>0.39600000000000002</v>
      </c>
      <c r="C12" s="21">
        <v>9.2999999999999999E-2</v>
      </c>
      <c r="D12" s="21">
        <v>6.0999999999999999E-2</v>
      </c>
      <c r="E12" s="21">
        <v>0.44900000000000001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ht="14.25" customHeight="1">
      <c r="A13" s="71" t="s">
        <v>71</v>
      </c>
      <c r="B13" s="71"/>
      <c r="C13" s="71"/>
      <c r="D13" s="71"/>
      <c r="E13" s="71"/>
      <c r="F13" s="71"/>
      <c r="G13" s="71"/>
      <c r="L13" s="22"/>
      <c r="M13" s="22"/>
      <c r="N13" s="22"/>
      <c r="O13" s="22"/>
      <c r="P13" s="22"/>
    </row>
    <row r="14" spans="1:19">
      <c r="A14" s="81"/>
      <c r="B14" s="81"/>
      <c r="C14" s="81"/>
      <c r="D14" s="81"/>
      <c r="E14" s="81"/>
      <c r="F14" s="81"/>
      <c r="G14" s="81"/>
      <c r="L14" s="22"/>
      <c r="M14" s="22"/>
      <c r="N14" s="22"/>
      <c r="O14" s="22"/>
      <c r="P14" s="22"/>
      <c r="Q14" s="2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9"/>
  <dimension ref="A1:R14"/>
  <sheetViews>
    <sheetView workbookViewId="0">
      <selection activeCell="A2" sqref="A2"/>
    </sheetView>
  </sheetViews>
  <sheetFormatPr defaultColWidth="9" defaultRowHeight="14.25"/>
  <cols>
    <col min="1" max="1" width="13.875" style="18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85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65</v>
      </c>
      <c r="B3" s="76" t="s">
        <v>121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 ht="33" customHeight="1">
      <c r="A5" s="78" t="s">
        <v>262</v>
      </c>
      <c r="B5" s="20">
        <v>1185</v>
      </c>
      <c r="C5" s="20">
        <v>1335</v>
      </c>
      <c r="D5" s="20">
        <v>1511</v>
      </c>
      <c r="E5" s="20">
        <v>7</v>
      </c>
      <c r="F5" s="20">
        <v>4038</v>
      </c>
    </row>
    <row r="6" spans="1:18" ht="33" customHeight="1">
      <c r="A6" s="77"/>
      <c r="B6" s="21">
        <v>0.29299999999999998</v>
      </c>
      <c r="C6" s="21">
        <v>0.33100000000000002</v>
      </c>
      <c r="D6" s="21">
        <v>0.374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ht="33" customHeight="1">
      <c r="A7" s="78" t="s">
        <v>264</v>
      </c>
      <c r="B7" s="24">
        <v>478</v>
      </c>
      <c r="C7" s="24">
        <v>800</v>
      </c>
      <c r="D7" s="24">
        <v>747</v>
      </c>
      <c r="E7" s="24">
        <v>2</v>
      </c>
      <c r="F7" s="20">
        <v>2027</v>
      </c>
      <c r="K7" s="22"/>
      <c r="L7" s="22"/>
      <c r="M7" s="22"/>
      <c r="N7" s="22"/>
      <c r="O7" s="22"/>
    </row>
    <row r="8" spans="1:18" ht="33" customHeight="1">
      <c r="A8" s="79"/>
      <c r="B8" s="21">
        <v>0.23599999999999999</v>
      </c>
      <c r="C8" s="21">
        <v>0.39500000000000002</v>
      </c>
      <c r="D8" s="21">
        <v>0.36899999999999999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2</v>
      </c>
      <c r="C9" s="24">
        <v>1</v>
      </c>
      <c r="D9" s="24">
        <v>2</v>
      </c>
      <c r="E9" s="24">
        <v>0</v>
      </c>
      <c r="F9" s="24">
        <v>5</v>
      </c>
    </row>
    <row r="10" spans="1:18">
      <c r="A10" s="99"/>
      <c r="B10" s="21">
        <v>0.4</v>
      </c>
      <c r="C10" s="21">
        <v>0.2</v>
      </c>
      <c r="D10" s="21">
        <v>0.4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1665</v>
      </c>
      <c r="C11" s="20">
        <v>2136</v>
      </c>
      <c r="D11" s="20">
        <v>2260</v>
      </c>
      <c r="E11" s="20">
        <v>9</v>
      </c>
      <c r="F11" s="20">
        <v>6070</v>
      </c>
    </row>
    <row r="12" spans="1:18">
      <c r="A12" s="74"/>
      <c r="B12" s="21">
        <v>0.27400000000000002</v>
      </c>
      <c r="C12" s="21">
        <v>0.35199999999999998</v>
      </c>
      <c r="D12" s="21">
        <v>0.372</v>
      </c>
      <c r="E12" s="21">
        <v>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75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0"/>
  <dimension ref="A1:R14"/>
  <sheetViews>
    <sheetView workbookViewId="0">
      <selection activeCell="A2" sqref="A2"/>
    </sheetView>
  </sheetViews>
  <sheetFormatPr defaultColWidth="9" defaultRowHeight="14.25"/>
  <cols>
    <col min="1" max="1" width="21.375" style="18" customWidth="1"/>
    <col min="2" max="2" width="8.625" style="18" customWidth="1"/>
    <col min="3" max="3" width="8.875" style="18" customWidth="1"/>
    <col min="4" max="4" width="11.625" style="18" bestFit="1" customWidth="1"/>
    <col min="5" max="6" width="8.875" style="18" customWidth="1"/>
    <col min="7" max="16384" width="9" style="18"/>
  </cols>
  <sheetData>
    <row r="1" spans="1:18">
      <c r="A1" s="70" t="s">
        <v>486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47</v>
      </c>
      <c r="B3" s="76" t="s">
        <v>122</v>
      </c>
      <c r="C3" s="76"/>
      <c r="D3" s="76"/>
      <c r="E3" s="76"/>
      <c r="F3" s="76"/>
    </row>
    <row r="4" spans="1:18">
      <c r="A4" s="84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8">
      <c r="A5" s="78" t="s">
        <v>187</v>
      </c>
      <c r="B5" s="20">
        <v>2177</v>
      </c>
      <c r="C5" s="20">
        <v>295</v>
      </c>
      <c r="D5" s="20">
        <v>1550</v>
      </c>
      <c r="E5" s="20">
        <v>16</v>
      </c>
      <c r="F5" s="20">
        <v>4038</v>
      </c>
    </row>
    <row r="6" spans="1:18">
      <c r="A6" s="77"/>
      <c r="B6" s="21">
        <v>0.53900000000000003</v>
      </c>
      <c r="C6" s="21">
        <v>7.2999999999999995E-2</v>
      </c>
      <c r="D6" s="21">
        <v>0.38400000000000001</v>
      </c>
      <c r="E6" s="21">
        <v>4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49</v>
      </c>
      <c r="B7" s="20">
        <v>1083</v>
      </c>
      <c r="C7" s="20">
        <v>176</v>
      </c>
      <c r="D7" s="20">
        <v>764</v>
      </c>
      <c r="E7" s="20">
        <v>4</v>
      </c>
      <c r="F7" s="20">
        <v>2027</v>
      </c>
    </row>
    <row r="8" spans="1:18">
      <c r="A8" s="79"/>
      <c r="B8" s="21">
        <v>0.53400000000000003</v>
      </c>
      <c r="C8" s="21">
        <v>8.6999999999999994E-2</v>
      </c>
      <c r="D8" s="21">
        <v>0.377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3</v>
      </c>
      <c r="C9" s="24">
        <v>1</v>
      </c>
      <c r="D9" s="24">
        <v>1</v>
      </c>
      <c r="E9" s="24">
        <v>0</v>
      </c>
      <c r="F9" s="24">
        <v>5</v>
      </c>
    </row>
    <row r="10" spans="1:18">
      <c r="A10" s="99"/>
      <c r="B10" s="21">
        <v>0.6</v>
      </c>
      <c r="C10" s="21">
        <v>0.2</v>
      </c>
      <c r="D10" s="21">
        <v>0.2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3263</v>
      </c>
      <c r="C11" s="20">
        <v>472</v>
      </c>
      <c r="D11" s="20">
        <v>2315</v>
      </c>
      <c r="E11" s="20">
        <v>20</v>
      </c>
      <c r="F11" s="20">
        <v>6070</v>
      </c>
    </row>
    <row r="12" spans="1:18">
      <c r="A12" s="74"/>
      <c r="B12" s="21">
        <v>0.53800000000000003</v>
      </c>
      <c r="C12" s="21">
        <v>7.8E-2</v>
      </c>
      <c r="D12" s="21">
        <v>0.38100000000000001</v>
      </c>
      <c r="E12" s="21">
        <v>3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32.25" customHeight="1">
      <c r="A13" s="80" t="s">
        <v>239</v>
      </c>
      <c r="B13" s="98"/>
      <c r="C13" s="98"/>
      <c r="D13" s="98"/>
      <c r="E13" s="98"/>
      <c r="F13" s="98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1"/>
  <dimension ref="A1:Q14"/>
  <sheetViews>
    <sheetView workbookViewId="0">
      <selection activeCell="A2" sqref="A2"/>
    </sheetView>
  </sheetViews>
  <sheetFormatPr defaultColWidth="9" defaultRowHeight="14.25"/>
  <cols>
    <col min="1" max="1" width="22.75" style="18" bestFit="1" customWidth="1"/>
    <col min="2" max="5" width="8.875" style="18" customWidth="1"/>
    <col min="6" max="16384" width="9" style="18"/>
  </cols>
  <sheetData>
    <row r="1" spans="1:17">
      <c r="A1" s="70" t="s">
        <v>487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47</v>
      </c>
      <c r="B3" s="76" t="s">
        <v>123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187</v>
      </c>
      <c r="B5" s="20">
        <v>3780</v>
      </c>
      <c r="C5" s="20">
        <v>245</v>
      </c>
      <c r="D5" s="20">
        <v>13</v>
      </c>
      <c r="E5" s="20">
        <v>4038</v>
      </c>
    </row>
    <row r="6" spans="1:17">
      <c r="A6" s="77"/>
      <c r="B6" s="21">
        <v>0.93600000000000005</v>
      </c>
      <c r="C6" s="21">
        <v>6.0999999999999999E-2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188</v>
      </c>
      <c r="B7" s="20">
        <v>1882</v>
      </c>
      <c r="C7" s="20">
        <v>141</v>
      </c>
      <c r="D7" s="20">
        <v>4</v>
      </c>
      <c r="E7" s="20">
        <v>2027</v>
      </c>
    </row>
    <row r="8" spans="1:17">
      <c r="A8" s="79"/>
      <c r="B8" s="21">
        <v>0.92800000000000005</v>
      </c>
      <c r="C8" s="21">
        <v>7.0000000000000007E-2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7">
        <v>5</v>
      </c>
      <c r="C9" s="27">
        <v>0</v>
      </c>
      <c r="D9" s="27">
        <v>0</v>
      </c>
      <c r="E9" s="27">
        <v>5</v>
      </c>
    </row>
    <row r="10" spans="1:17">
      <c r="A10" s="99"/>
      <c r="B10" s="21">
        <v>1</v>
      </c>
      <c r="C10" s="21">
        <v>0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5667</v>
      </c>
      <c r="C11" s="20">
        <v>386</v>
      </c>
      <c r="D11" s="20">
        <v>17</v>
      </c>
      <c r="E11" s="20">
        <v>6070</v>
      </c>
    </row>
    <row r="12" spans="1:17">
      <c r="A12" s="74"/>
      <c r="B12" s="21">
        <v>0.93400000000000005</v>
      </c>
      <c r="C12" s="21">
        <v>6.4000000000000001E-2</v>
      </c>
      <c r="D12" s="21">
        <v>3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1" t="s">
        <v>192</v>
      </c>
      <c r="B13" s="96"/>
      <c r="C13" s="96"/>
      <c r="D13" s="96"/>
      <c r="E13" s="96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  <c r="J14" s="22"/>
      <c r="K14" s="22"/>
      <c r="L14" s="22"/>
      <c r="M14" s="22"/>
      <c r="N14" s="22"/>
      <c r="O14" s="2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2"/>
  <dimension ref="A1:L25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7" width="9.625" style="18" customWidth="1"/>
    <col min="8" max="16384" width="9" style="18"/>
  </cols>
  <sheetData>
    <row r="1" spans="1:12">
      <c r="A1" s="70" t="s">
        <v>488</v>
      </c>
      <c r="B1" s="70"/>
      <c r="C1" s="70"/>
    </row>
    <row r="2" spans="1:12">
      <c r="A2" s="121" t="s">
        <v>613</v>
      </c>
      <c r="B2" s="36"/>
      <c r="C2" s="36"/>
    </row>
    <row r="3" spans="1:12" ht="61.5" customHeight="1">
      <c r="A3" s="84" t="s">
        <v>47</v>
      </c>
      <c r="B3" s="82" t="s">
        <v>489</v>
      </c>
      <c r="C3" s="82"/>
      <c r="D3" s="82" t="s">
        <v>158</v>
      </c>
      <c r="E3" s="82"/>
      <c r="F3" s="82" t="s">
        <v>159</v>
      </c>
      <c r="G3" s="82"/>
    </row>
    <row r="4" spans="1:12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2">
      <c r="A5" s="84" t="s">
        <v>187</v>
      </c>
      <c r="B5" s="20">
        <v>986</v>
      </c>
      <c r="C5" s="20">
        <v>2794</v>
      </c>
      <c r="D5" s="20">
        <v>2138</v>
      </c>
      <c r="E5" s="20">
        <v>1642</v>
      </c>
      <c r="F5" s="20">
        <v>470</v>
      </c>
      <c r="G5" s="20">
        <v>3310</v>
      </c>
    </row>
    <row r="6" spans="1:12">
      <c r="A6" s="84"/>
      <c r="B6" s="21">
        <v>0.26100000000000001</v>
      </c>
      <c r="C6" s="21">
        <v>0.73899999999999999</v>
      </c>
      <c r="D6" s="21">
        <v>0.56599999999999995</v>
      </c>
      <c r="E6" s="21">
        <v>0.434</v>
      </c>
      <c r="F6" s="21">
        <v>0.124</v>
      </c>
      <c r="G6" s="21">
        <v>0.876</v>
      </c>
    </row>
    <row r="7" spans="1:12" s="23" customFormat="1" ht="23.25" customHeight="1">
      <c r="A7" s="84" t="s">
        <v>599</v>
      </c>
      <c r="B7" s="20">
        <v>541</v>
      </c>
      <c r="C7" s="20">
        <v>1341</v>
      </c>
      <c r="D7" s="20">
        <v>1008</v>
      </c>
      <c r="E7" s="20">
        <v>874</v>
      </c>
      <c r="F7" s="20">
        <v>236</v>
      </c>
      <c r="G7" s="20">
        <v>1646</v>
      </c>
    </row>
    <row r="8" spans="1:12" ht="23.25" customHeight="1">
      <c r="A8" s="85"/>
      <c r="B8" s="21">
        <v>0.28699999999999998</v>
      </c>
      <c r="C8" s="21">
        <v>0.71299999999999997</v>
      </c>
      <c r="D8" s="21">
        <v>0.53600000000000003</v>
      </c>
      <c r="E8" s="21">
        <v>0.46400000000000002</v>
      </c>
      <c r="F8" s="21">
        <v>0.125</v>
      </c>
      <c r="G8" s="21">
        <v>0.875</v>
      </c>
    </row>
    <row r="9" spans="1:12">
      <c r="A9" s="75" t="s">
        <v>22</v>
      </c>
      <c r="B9" s="24">
        <v>1</v>
      </c>
      <c r="C9" s="24">
        <v>4</v>
      </c>
      <c r="D9" s="24">
        <v>2</v>
      </c>
      <c r="E9" s="24">
        <v>3</v>
      </c>
      <c r="F9" s="24">
        <v>0</v>
      </c>
      <c r="G9" s="24">
        <v>5</v>
      </c>
      <c r="H9" s="22"/>
      <c r="I9" s="22"/>
      <c r="J9" s="22"/>
      <c r="K9" s="22"/>
      <c r="L9" s="22"/>
    </row>
    <row r="10" spans="1:12">
      <c r="A10" s="83"/>
      <c r="B10" s="21">
        <v>0.2</v>
      </c>
      <c r="C10" s="21">
        <v>0.8</v>
      </c>
      <c r="D10" s="21">
        <v>0.4</v>
      </c>
      <c r="E10" s="21">
        <v>0.6</v>
      </c>
      <c r="F10" s="21">
        <v>0</v>
      </c>
      <c r="G10" s="21">
        <v>1</v>
      </c>
    </row>
    <row r="11" spans="1:12" s="23" customFormat="1">
      <c r="A11" s="75" t="s">
        <v>15</v>
      </c>
      <c r="B11" s="20">
        <v>1528</v>
      </c>
      <c r="C11" s="20">
        <v>4139</v>
      </c>
      <c r="D11" s="20">
        <v>3148</v>
      </c>
      <c r="E11" s="20">
        <v>2519</v>
      </c>
      <c r="F11" s="20">
        <v>706</v>
      </c>
      <c r="G11" s="20">
        <v>4961</v>
      </c>
    </row>
    <row r="12" spans="1:12">
      <c r="A12" s="83"/>
      <c r="B12" s="21">
        <v>0.27</v>
      </c>
      <c r="C12" s="21">
        <v>0.73</v>
      </c>
      <c r="D12" s="21">
        <v>0.55500000000000005</v>
      </c>
      <c r="E12" s="21">
        <v>0.44500000000000001</v>
      </c>
      <c r="F12" s="21">
        <v>0.125</v>
      </c>
      <c r="G12" s="21">
        <v>0.875</v>
      </c>
    </row>
    <row r="13" spans="1:12">
      <c r="A13" s="50"/>
      <c r="B13" s="51"/>
      <c r="C13" s="51"/>
      <c r="D13" s="51"/>
      <c r="E13" s="51"/>
      <c r="F13" s="51"/>
      <c r="G13" s="51"/>
    </row>
    <row r="14" spans="1:12" ht="46.5" customHeight="1">
      <c r="A14" s="84" t="s">
        <v>47</v>
      </c>
      <c r="B14" s="82" t="s">
        <v>160</v>
      </c>
      <c r="C14" s="82"/>
      <c r="D14" s="82" t="s">
        <v>274</v>
      </c>
      <c r="E14" s="82"/>
      <c r="F14" s="82" t="s">
        <v>162</v>
      </c>
      <c r="G14" s="82"/>
    </row>
    <row r="15" spans="1:12">
      <c r="A15" s="84"/>
      <c r="B15" s="11" t="s">
        <v>180</v>
      </c>
      <c r="C15" s="11" t="s">
        <v>181</v>
      </c>
      <c r="D15" s="11" t="s">
        <v>180</v>
      </c>
      <c r="E15" s="11" t="s">
        <v>181</v>
      </c>
      <c r="F15" s="11" t="s">
        <v>180</v>
      </c>
      <c r="G15" s="11" t="s">
        <v>181</v>
      </c>
    </row>
    <row r="16" spans="1:12">
      <c r="A16" s="84" t="s">
        <v>187</v>
      </c>
      <c r="B16" s="20">
        <v>848</v>
      </c>
      <c r="C16" s="20">
        <v>2932</v>
      </c>
      <c r="D16" s="20">
        <v>53</v>
      </c>
      <c r="E16" s="20">
        <v>3727</v>
      </c>
      <c r="F16" s="20">
        <v>200</v>
      </c>
      <c r="G16" s="20">
        <v>3580</v>
      </c>
    </row>
    <row r="17" spans="1:12">
      <c r="A17" s="84"/>
      <c r="B17" s="21">
        <v>0.224</v>
      </c>
      <c r="C17" s="21">
        <v>0.77600000000000002</v>
      </c>
      <c r="D17" s="21">
        <v>1.4E-2</v>
      </c>
      <c r="E17" s="21">
        <v>0.98599999999999999</v>
      </c>
      <c r="F17" s="21">
        <v>5.2999999999999999E-2</v>
      </c>
      <c r="G17" s="21">
        <v>0.94699999999999995</v>
      </c>
    </row>
    <row r="18" spans="1:12" ht="23.25" customHeight="1">
      <c r="A18" s="84" t="s">
        <v>599</v>
      </c>
      <c r="B18" s="20">
        <v>401</v>
      </c>
      <c r="C18" s="20">
        <v>1481</v>
      </c>
      <c r="D18" s="20">
        <v>28</v>
      </c>
      <c r="E18" s="20">
        <v>1854</v>
      </c>
      <c r="F18" s="20">
        <v>103</v>
      </c>
      <c r="G18" s="20">
        <v>1779</v>
      </c>
    </row>
    <row r="19" spans="1:12" ht="23.25" customHeight="1">
      <c r="A19" s="85"/>
      <c r="B19" s="21">
        <v>0.21299999999999999</v>
      </c>
      <c r="C19" s="21">
        <v>0.78700000000000003</v>
      </c>
      <c r="D19" s="21">
        <v>1.4999999999999999E-2</v>
      </c>
      <c r="E19" s="21">
        <v>0.98499999999999999</v>
      </c>
      <c r="F19" s="21">
        <v>5.5E-2</v>
      </c>
      <c r="G19" s="21">
        <v>0.94499999999999995</v>
      </c>
    </row>
    <row r="20" spans="1:12">
      <c r="A20" s="75" t="s">
        <v>22</v>
      </c>
      <c r="B20" s="24">
        <v>0</v>
      </c>
      <c r="C20" s="24">
        <v>5</v>
      </c>
      <c r="D20" s="24">
        <v>0</v>
      </c>
      <c r="E20" s="24">
        <v>5</v>
      </c>
      <c r="F20" s="24">
        <v>0</v>
      </c>
      <c r="G20" s="24">
        <v>5</v>
      </c>
    </row>
    <row r="21" spans="1:12">
      <c r="A21" s="83"/>
      <c r="B21" s="21">
        <v>0</v>
      </c>
      <c r="C21" s="21">
        <v>1</v>
      </c>
      <c r="D21" s="21">
        <v>0</v>
      </c>
      <c r="E21" s="21">
        <v>1</v>
      </c>
      <c r="F21" s="21">
        <v>0</v>
      </c>
      <c r="G21" s="21">
        <v>1</v>
      </c>
    </row>
    <row r="22" spans="1:12">
      <c r="A22" s="75" t="s">
        <v>15</v>
      </c>
      <c r="B22" s="20">
        <v>1249</v>
      </c>
      <c r="C22" s="20">
        <v>4418</v>
      </c>
      <c r="D22" s="20">
        <v>81</v>
      </c>
      <c r="E22" s="20">
        <v>5586</v>
      </c>
      <c r="F22" s="20">
        <v>303</v>
      </c>
      <c r="G22" s="20">
        <v>5364</v>
      </c>
    </row>
    <row r="23" spans="1:12">
      <c r="A23" s="83"/>
      <c r="B23" s="21">
        <v>0.22</v>
      </c>
      <c r="C23" s="21">
        <v>0.78</v>
      </c>
      <c r="D23" s="21">
        <v>1.4E-2</v>
      </c>
      <c r="E23" s="21">
        <v>0.98599999999999999</v>
      </c>
      <c r="F23" s="21">
        <v>5.2999999999999999E-2</v>
      </c>
      <c r="G23" s="21">
        <v>0.94699999999999995</v>
      </c>
    </row>
    <row r="24" spans="1:12" ht="14.25" customHeight="1">
      <c r="A24" s="71" t="s">
        <v>302</v>
      </c>
      <c r="B24" s="71"/>
      <c r="C24" s="71"/>
      <c r="D24" s="71"/>
      <c r="E24" s="71"/>
      <c r="F24" s="71"/>
      <c r="G24" s="71"/>
      <c r="H24" s="22"/>
      <c r="I24" s="22"/>
      <c r="J24" s="22"/>
      <c r="K24" s="22"/>
      <c r="L24" s="22"/>
    </row>
    <row r="25" spans="1:12">
      <c r="A25" s="81"/>
      <c r="B25" s="81"/>
      <c r="C25" s="81"/>
      <c r="D25" s="81"/>
      <c r="E25" s="81"/>
      <c r="F25" s="81"/>
      <c r="G25" s="81"/>
    </row>
  </sheetData>
  <mergeCells count="18">
    <mergeCell ref="A24:G25"/>
    <mergeCell ref="A18:A19"/>
    <mergeCell ref="A20:A21"/>
    <mergeCell ref="A22:A23"/>
    <mergeCell ref="F14:G14"/>
    <mergeCell ref="B14:C14"/>
    <mergeCell ref="D14:E14"/>
    <mergeCell ref="A16:A17"/>
    <mergeCell ref="A1:C1"/>
    <mergeCell ref="A3:A4"/>
    <mergeCell ref="B3:C3"/>
    <mergeCell ref="D3:E3"/>
    <mergeCell ref="F3:G3"/>
    <mergeCell ref="A5:A6"/>
    <mergeCell ref="A7:A8"/>
    <mergeCell ref="A9:A10"/>
    <mergeCell ref="A11:A12"/>
    <mergeCell ref="A14:A15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/>
  <dimension ref="A1:R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9" style="18" customWidth="1"/>
    <col min="7" max="16384" width="9" style="18"/>
  </cols>
  <sheetData>
    <row r="1" spans="1:18">
      <c r="A1" s="70" t="s">
        <v>105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6</v>
      </c>
      <c r="B3" s="76" t="s">
        <v>106</v>
      </c>
      <c r="C3" s="76"/>
      <c r="D3" s="76"/>
      <c r="E3" s="76"/>
      <c r="F3" s="76"/>
    </row>
    <row r="4" spans="1:18" ht="42.75">
      <c r="A4" s="75"/>
      <c r="B4" s="11" t="s">
        <v>43</v>
      </c>
      <c r="C4" s="11" t="s">
        <v>44</v>
      </c>
      <c r="D4" s="11" t="s">
        <v>198</v>
      </c>
      <c r="E4" s="11" t="s">
        <v>22</v>
      </c>
      <c r="F4" s="11" t="s">
        <v>15</v>
      </c>
    </row>
    <row r="5" spans="1:18">
      <c r="A5" s="73" t="s">
        <v>7</v>
      </c>
      <c r="B5" s="20">
        <v>1018</v>
      </c>
      <c r="C5" s="20">
        <v>1127</v>
      </c>
      <c r="D5" s="20">
        <v>371</v>
      </c>
      <c r="E5" s="20">
        <v>1</v>
      </c>
      <c r="F5" s="20">
        <v>2517</v>
      </c>
    </row>
    <row r="6" spans="1:18">
      <c r="A6" s="77"/>
      <c r="B6" s="21">
        <v>0.40400000000000003</v>
      </c>
      <c r="C6" s="21">
        <v>0.44800000000000001</v>
      </c>
      <c r="D6" s="21">
        <v>0.14699999999999999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3" t="s">
        <v>8</v>
      </c>
      <c r="B7" s="24">
        <v>226</v>
      </c>
      <c r="C7" s="24">
        <v>224</v>
      </c>
      <c r="D7" s="24">
        <v>78</v>
      </c>
      <c r="E7" s="24">
        <v>1</v>
      </c>
      <c r="F7" s="20">
        <v>529</v>
      </c>
      <c r="K7" s="22"/>
      <c r="L7" s="22"/>
      <c r="M7" s="22"/>
      <c r="N7" s="22"/>
      <c r="O7" s="22"/>
    </row>
    <row r="8" spans="1:18">
      <c r="A8" s="74"/>
      <c r="B8" s="21">
        <v>0.42699999999999999</v>
      </c>
      <c r="C8" s="21">
        <v>0.42299999999999999</v>
      </c>
      <c r="D8" s="21">
        <v>0.14699999999999999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9</v>
      </c>
      <c r="B9" s="24">
        <v>364</v>
      </c>
      <c r="C9" s="24">
        <v>389</v>
      </c>
      <c r="D9" s="24">
        <v>159</v>
      </c>
      <c r="E9" s="24">
        <v>4</v>
      </c>
      <c r="F9" s="24">
        <v>916</v>
      </c>
      <c r="K9" s="22"/>
      <c r="L9" s="22"/>
      <c r="M9" s="22"/>
      <c r="N9" s="22"/>
      <c r="O9" s="22"/>
    </row>
    <row r="10" spans="1:18">
      <c r="A10" s="74"/>
      <c r="B10" s="21">
        <v>0.39700000000000002</v>
      </c>
      <c r="C10" s="21">
        <v>0.42499999999999999</v>
      </c>
      <c r="D10" s="21">
        <v>0.17399999999999999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10</v>
      </c>
      <c r="B11" s="24">
        <v>104</v>
      </c>
      <c r="C11" s="24">
        <v>130</v>
      </c>
      <c r="D11" s="24">
        <v>32</v>
      </c>
      <c r="E11" s="24">
        <v>1</v>
      </c>
      <c r="F11" s="24">
        <v>267</v>
      </c>
      <c r="K11" s="22"/>
      <c r="L11" s="22"/>
      <c r="M11" s="22"/>
      <c r="N11" s="22"/>
      <c r="O11" s="22"/>
    </row>
    <row r="12" spans="1:18">
      <c r="A12" s="79"/>
      <c r="B12" s="21">
        <v>0.39</v>
      </c>
      <c r="C12" s="21">
        <v>0.48699999999999999</v>
      </c>
      <c r="D12" s="21">
        <v>0.12</v>
      </c>
      <c r="E12" s="21">
        <v>4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3" t="s">
        <v>11</v>
      </c>
      <c r="B13" s="24">
        <v>77</v>
      </c>
      <c r="C13" s="24">
        <v>131</v>
      </c>
      <c r="D13" s="24">
        <v>26</v>
      </c>
      <c r="E13" s="24">
        <v>3</v>
      </c>
      <c r="F13" s="24">
        <v>237</v>
      </c>
      <c r="K13" s="22"/>
      <c r="L13" s="22"/>
      <c r="M13" s="22"/>
      <c r="N13" s="22"/>
      <c r="O13" s="22"/>
    </row>
    <row r="14" spans="1:18">
      <c r="A14" s="74"/>
      <c r="B14" s="21">
        <v>0.32500000000000001</v>
      </c>
      <c r="C14" s="21">
        <v>0.55300000000000005</v>
      </c>
      <c r="D14" s="21">
        <v>0.11</v>
      </c>
      <c r="E14" s="21">
        <v>1.2999999999999999E-2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73" t="s">
        <v>12</v>
      </c>
      <c r="B15" s="24">
        <v>105</v>
      </c>
      <c r="C15" s="24">
        <v>91</v>
      </c>
      <c r="D15" s="24">
        <v>35</v>
      </c>
      <c r="E15" s="24">
        <v>0</v>
      </c>
      <c r="F15" s="24">
        <v>231</v>
      </c>
      <c r="K15" s="22"/>
      <c r="L15" s="22"/>
      <c r="M15" s="22"/>
      <c r="N15" s="22"/>
      <c r="O15" s="22"/>
    </row>
    <row r="16" spans="1:18">
      <c r="A16" s="74"/>
      <c r="B16" s="21">
        <v>0.45500000000000002</v>
      </c>
      <c r="C16" s="21">
        <v>0.39400000000000002</v>
      </c>
      <c r="D16" s="21">
        <v>0.152</v>
      </c>
      <c r="E16" s="21">
        <v>0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 s="23" customFormat="1">
      <c r="A17" s="73" t="s">
        <v>13</v>
      </c>
      <c r="B17" s="20">
        <v>462</v>
      </c>
      <c r="C17" s="20">
        <v>488</v>
      </c>
      <c r="D17" s="20">
        <v>195</v>
      </c>
      <c r="E17" s="20">
        <v>1</v>
      </c>
      <c r="F17" s="20">
        <v>1146</v>
      </c>
    </row>
    <row r="18" spans="1:18">
      <c r="A18" s="74"/>
      <c r="B18" s="21">
        <v>0.40300000000000002</v>
      </c>
      <c r="C18" s="21">
        <v>0.42599999999999999</v>
      </c>
      <c r="D18" s="21">
        <v>0.17</v>
      </c>
      <c r="E18" s="21">
        <v>1E-3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>
      <c r="A19" s="73" t="s">
        <v>14</v>
      </c>
      <c r="B19" s="24">
        <v>78</v>
      </c>
      <c r="C19" s="24">
        <v>67</v>
      </c>
      <c r="D19" s="24">
        <v>34</v>
      </c>
      <c r="E19" s="24">
        <v>0</v>
      </c>
      <c r="F19" s="24">
        <v>179</v>
      </c>
      <c r="K19" s="22"/>
      <c r="L19" s="22"/>
      <c r="M19" s="22"/>
      <c r="N19" s="22"/>
      <c r="O19" s="22"/>
    </row>
    <row r="20" spans="1:18">
      <c r="A20" s="74"/>
      <c r="B20" s="21">
        <v>0.436</v>
      </c>
      <c r="C20" s="21">
        <v>0.374</v>
      </c>
      <c r="D20" s="21">
        <v>0.19</v>
      </c>
      <c r="E20" s="21">
        <v>0</v>
      </c>
      <c r="F20" s="21">
        <v>1</v>
      </c>
      <c r="K20" s="22"/>
      <c r="L20" s="22"/>
      <c r="M20" s="22"/>
      <c r="N20" s="22"/>
      <c r="O20" s="22"/>
      <c r="P20" s="22"/>
      <c r="Q20" s="22"/>
      <c r="R20" s="22"/>
    </row>
    <row r="21" spans="1:18">
      <c r="A21" s="72" t="s">
        <v>22</v>
      </c>
      <c r="B21" s="34">
        <v>23</v>
      </c>
      <c r="C21" s="34">
        <v>19</v>
      </c>
      <c r="D21" s="34">
        <v>4</v>
      </c>
      <c r="E21" s="34">
        <v>2</v>
      </c>
      <c r="F21" s="34">
        <v>48</v>
      </c>
      <c r="K21" s="22"/>
      <c r="L21" s="22"/>
      <c r="M21" s="22"/>
      <c r="N21" s="22"/>
      <c r="O21" s="22"/>
    </row>
    <row r="22" spans="1:18" s="26" customFormat="1">
      <c r="A22" s="72"/>
      <c r="B22" s="33">
        <v>0.47899999999999998</v>
      </c>
      <c r="C22" s="33">
        <v>0.39600000000000002</v>
      </c>
      <c r="D22" s="33">
        <v>8.3000000000000004E-2</v>
      </c>
      <c r="E22" s="33">
        <v>4.2000000000000003E-2</v>
      </c>
      <c r="F22" s="33">
        <v>1</v>
      </c>
    </row>
    <row r="23" spans="1:18" s="23" customFormat="1">
      <c r="A23" s="73" t="s">
        <v>15</v>
      </c>
      <c r="B23" s="20">
        <v>2457</v>
      </c>
      <c r="C23" s="20">
        <v>2666</v>
      </c>
      <c r="D23" s="20">
        <v>934</v>
      </c>
      <c r="E23" s="20">
        <v>13</v>
      </c>
      <c r="F23" s="20">
        <v>6070</v>
      </c>
    </row>
    <row r="24" spans="1:18">
      <c r="A24" s="74"/>
      <c r="B24" s="21">
        <v>0.40500000000000003</v>
      </c>
      <c r="C24" s="21">
        <v>0.439</v>
      </c>
      <c r="D24" s="21">
        <v>0.154</v>
      </c>
      <c r="E24" s="21">
        <v>2E-3</v>
      </c>
      <c r="F24" s="21">
        <v>1</v>
      </c>
      <c r="K24" s="22"/>
      <c r="L24" s="22"/>
      <c r="M24" s="22"/>
      <c r="N24" s="22"/>
      <c r="O24" s="22"/>
      <c r="P24" s="22"/>
      <c r="Q24" s="22"/>
      <c r="R24" s="22"/>
    </row>
    <row r="25" spans="1:18" ht="14.25" customHeight="1">
      <c r="A25" s="39" t="s">
        <v>261</v>
      </c>
      <c r="B25" s="39"/>
      <c r="C25" s="39"/>
      <c r="D25" s="39"/>
      <c r="E25" s="39"/>
      <c r="F25" s="39"/>
      <c r="K25" s="22"/>
      <c r="L25" s="22"/>
      <c r="M25" s="22"/>
      <c r="N25" s="22"/>
      <c r="O25" s="22"/>
    </row>
    <row r="26" spans="1:18">
      <c r="A26" s="43"/>
      <c r="B26" s="43"/>
      <c r="C26" s="43"/>
      <c r="D26" s="43"/>
      <c r="E26" s="43"/>
      <c r="F26" s="43"/>
    </row>
  </sheetData>
  <mergeCells count="13">
    <mergeCell ref="A23:A24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3"/>
  <dimension ref="A1:M26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7" width="9.625" style="18" customWidth="1"/>
    <col min="8" max="16384" width="9" style="18"/>
  </cols>
  <sheetData>
    <row r="1" spans="1:13">
      <c r="A1" s="18" t="s">
        <v>490</v>
      </c>
    </row>
    <row r="2" spans="1:13">
      <c r="A2" s="121" t="s">
        <v>613</v>
      </c>
      <c r="B2" s="28"/>
      <c r="C2" s="28"/>
      <c r="D2" s="28"/>
      <c r="E2" s="28"/>
      <c r="F2" s="28"/>
      <c r="G2" s="28"/>
    </row>
    <row r="3" spans="1:13" ht="43.5" customHeight="1">
      <c r="A3" s="84" t="s">
        <v>47</v>
      </c>
      <c r="B3" s="82" t="s">
        <v>163</v>
      </c>
      <c r="C3" s="82"/>
      <c r="D3" s="82" t="s">
        <v>275</v>
      </c>
      <c r="E3" s="82"/>
      <c r="F3" s="82" t="s">
        <v>165</v>
      </c>
      <c r="G3" s="82"/>
    </row>
    <row r="4" spans="1:13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3" ht="14.25" customHeight="1">
      <c r="A5" s="84" t="s">
        <v>187</v>
      </c>
      <c r="B5" s="20">
        <v>739</v>
      </c>
      <c r="C5" s="20">
        <v>3041</v>
      </c>
      <c r="D5" s="20">
        <v>127</v>
      </c>
      <c r="E5" s="20">
        <v>3653</v>
      </c>
      <c r="F5" s="20">
        <v>591</v>
      </c>
      <c r="G5" s="20">
        <v>3189</v>
      </c>
    </row>
    <row r="6" spans="1:13">
      <c r="A6" s="84"/>
      <c r="B6" s="21">
        <v>0.19600000000000001</v>
      </c>
      <c r="C6" s="21">
        <v>0.80400000000000005</v>
      </c>
      <c r="D6" s="21">
        <v>3.4000000000000002E-2</v>
      </c>
      <c r="E6" s="21">
        <v>0.96599999999999997</v>
      </c>
      <c r="F6" s="21">
        <v>0.156</v>
      </c>
      <c r="G6" s="21">
        <v>0.84399999999999997</v>
      </c>
    </row>
    <row r="7" spans="1:13" s="23" customFormat="1" ht="23.25" customHeight="1">
      <c r="A7" s="84" t="s">
        <v>599</v>
      </c>
      <c r="B7" s="20">
        <v>353</v>
      </c>
      <c r="C7" s="20">
        <v>1529</v>
      </c>
      <c r="D7" s="20">
        <v>60</v>
      </c>
      <c r="E7" s="20">
        <v>1822</v>
      </c>
      <c r="F7" s="20">
        <v>255</v>
      </c>
      <c r="G7" s="20">
        <v>1627</v>
      </c>
    </row>
    <row r="8" spans="1:13" ht="23.25" customHeight="1">
      <c r="A8" s="85"/>
      <c r="B8" s="21">
        <v>0.188</v>
      </c>
      <c r="C8" s="21">
        <v>0.81200000000000006</v>
      </c>
      <c r="D8" s="21">
        <v>3.2000000000000001E-2</v>
      </c>
      <c r="E8" s="21">
        <v>0.96799999999999997</v>
      </c>
      <c r="F8" s="21">
        <v>0.13500000000000001</v>
      </c>
      <c r="G8" s="21">
        <v>0.86499999999999999</v>
      </c>
    </row>
    <row r="9" spans="1:13">
      <c r="A9" s="75" t="s">
        <v>22</v>
      </c>
      <c r="B9" s="24">
        <v>1</v>
      </c>
      <c r="C9" s="24">
        <v>4</v>
      </c>
      <c r="D9" s="24">
        <v>0</v>
      </c>
      <c r="E9" s="24">
        <v>5</v>
      </c>
      <c r="F9" s="24">
        <v>2</v>
      </c>
      <c r="G9" s="24">
        <v>3</v>
      </c>
      <c r="H9" s="22"/>
      <c r="I9" s="22"/>
      <c r="J9" s="22"/>
      <c r="K9" s="22"/>
      <c r="L9" s="22"/>
      <c r="M9" s="22"/>
    </row>
    <row r="10" spans="1:13">
      <c r="A10" s="83"/>
      <c r="B10" s="21">
        <v>0.2</v>
      </c>
      <c r="C10" s="21">
        <v>0.8</v>
      </c>
      <c r="D10" s="21">
        <v>0</v>
      </c>
      <c r="E10" s="21">
        <v>1</v>
      </c>
      <c r="F10" s="21">
        <v>0.4</v>
      </c>
      <c r="G10" s="21">
        <v>0.6</v>
      </c>
    </row>
    <row r="11" spans="1:13" s="23" customFormat="1">
      <c r="A11" s="75" t="s">
        <v>15</v>
      </c>
      <c r="B11" s="20">
        <v>1093</v>
      </c>
      <c r="C11" s="20">
        <v>4574</v>
      </c>
      <c r="D11" s="20">
        <v>187</v>
      </c>
      <c r="E11" s="20">
        <v>5480</v>
      </c>
      <c r="F11" s="20">
        <v>848</v>
      </c>
      <c r="G11" s="20">
        <v>4819</v>
      </c>
    </row>
    <row r="12" spans="1:13">
      <c r="A12" s="83"/>
      <c r="B12" s="21">
        <v>0.193</v>
      </c>
      <c r="C12" s="21">
        <v>0.80700000000000005</v>
      </c>
      <c r="D12" s="21">
        <v>3.3000000000000002E-2</v>
      </c>
      <c r="E12" s="21">
        <v>0.96699999999999997</v>
      </c>
      <c r="F12" s="21">
        <v>0.15</v>
      </c>
      <c r="G12" s="21">
        <v>0.85</v>
      </c>
    </row>
    <row r="13" spans="1:13">
      <c r="A13" s="50"/>
      <c r="B13" s="51"/>
      <c r="C13" s="51"/>
      <c r="D13" s="51"/>
      <c r="E13" s="51"/>
      <c r="F13" s="51"/>
      <c r="G13" s="51"/>
    </row>
    <row r="14" spans="1:13" ht="29.25" customHeight="1">
      <c r="A14" s="84" t="s">
        <v>47</v>
      </c>
      <c r="B14" s="82" t="s">
        <v>166</v>
      </c>
      <c r="C14" s="82"/>
      <c r="D14" s="52"/>
      <c r="E14" s="52"/>
      <c r="F14" s="52"/>
      <c r="G14" s="52"/>
    </row>
    <row r="15" spans="1:13">
      <c r="A15" s="84"/>
      <c r="B15" s="11" t="s">
        <v>180</v>
      </c>
      <c r="C15" s="11" t="s">
        <v>181</v>
      </c>
      <c r="D15" s="52"/>
      <c r="E15" s="52"/>
      <c r="F15" s="52"/>
      <c r="G15" s="52"/>
    </row>
    <row r="16" spans="1:13" ht="14.25" customHeight="1">
      <c r="A16" s="84" t="s">
        <v>187</v>
      </c>
      <c r="B16" s="20">
        <v>81</v>
      </c>
      <c r="C16" s="20">
        <v>3699</v>
      </c>
      <c r="D16" s="52"/>
      <c r="E16" s="52"/>
      <c r="F16" s="52"/>
      <c r="G16" s="52"/>
    </row>
    <row r="17" spans="1:13">
      <c r="A17" s="84"/>
      <c r="B17" s="21">
        <v>2.1000000000000001E-2</v>
      </c>
      <c r="C17" s="21">
        <v>0.97899999999999998</v>
      </c>
      <c r="D17" s="52"/>
      <c r="E17" s="52"/>
      <c r="F17" s="52"/>
      <c r="G17" s="52"/>
    </row>
    <row r="18" spans="1:13" ht="23.25" customHeight="1">
      <c r="A18" s="84" t="s">
        <v>599</v>
      </c>
      <c r="B18" s="20">
        <v>50</v>
      </c>
      <c r="C18" s="20">
        <v>1832</v>
      </c>
      <c r="D18" s="52"/>
      <c r="E18" s="52"/>
      <c r="F18" s="52"/>
      <c r="G18" s="52"/>
    </row>
    <row r="19" spans="1:13" ht="23.25" customHeight="1">
      <c r="A19" s="85"/>
      <c r="B19" s="21">
        <v>2.7E-2</v>
      </c>
      <c r="C19" s="21">
        <v>0.97299999999999998</v>
      </c>
      <c r="D19" s="52"/>
      <c r="E19" s="52"/>
      <c r="F19" s="52"/>
      <c r="G19" s="52"/>
    </row>
    <row r="20" spans="1:13">
      <c r="A20" s="75" t="s">
        <v>22</v>
      </c>
      <c r="B20" s="24">
        <v>0</v>
      </c>
      <c r="C20" s="24">
        <v>5</v>
      </c>
      <c r="D20" s="52"/>
      <c r="E20" s="52"/>
      <c r="F20" s="52"/>
      <c r="G20" s="52"/>
    </row>
    <row r="21" spans="1:13">
      <c r="A21" s="83"/>
      <c r="B21" s="21">
        <v>0</v>
      </c>
      <c r="C21" s="21">
        <v>1</v>
      </c>
      <c r="D21" s="52"/>
      <c r="E21" s="52"/>
      <c r="F21" s="52"/>
      <c r="G21" s="52"/>
    </row>
    <row r="22" spans="1:13">
      <c r="A22" s="75" t="s">
        <v>15</v>
      </c>
      <c r="B22" s="20">
        <v>131</v>
      </c>
      <c r="C22" s="20">
        <v>5536</v>
      </c>
      <c r="D22" s="52"/>
      <c r="E22" s="52"/>
      <c r="F22" s="52"/>
      <c r="G22" s="52"/>
    </row>
    <row r="23" spans="1:13">
      <c r="A23" s="83"/>
      <c r="B23" s="21">
        <v>2.3E-2</v>
      </c>
      <c r="C23" s="21">
        <v>0.97699999999999998</v>
      </c>
      <c r="D23" s="52"/>
      <c r="E23" s="52"/>
      <c r="F23" s="52"/>
      <c r="G23" s="52"/>
    </row>
    <row r="24" spans="1:13" ht="14.25" customHeight="1">
      <c r="A24" s="80" t="s">
        <v>296</v>
      </c>
      <c r="B24" s="80"/>
      <c r="C24" s="80"/>
      <c r="D24" s="14"/>
      <c r="E24" s="14"/>
      <c r="F24" s="14"/>
      <c r="G24" s="14"/>
      <c r="H24" s="22"/>
      <c r="I24" s="22"/>
      <c r="J24" s="22"/>
      <c r="K24" s="22"/>
      <c r="L24" s="22"/>
      <c r="M24" s="22"/>
    </row>
    <row r="25" spans="1:13">
      <c r="A25" s="86"/>
      <c r="B25" s="86"/>
      <c r="C25" s="86"/>
    </row>
    <row r="26" spans="1:13">
      <c r="A26" s="86"/>
      <c r="B26" s="86"/>
      <c r="C26" s="86"/>
    </row>
  </sheetData>
  <mergeCells count="15">
    <mergeCell ref="A3:A4"/>
    <mergeCell ref="B3:C3"/>
    <mergeCell ref="D3:E3"/>
    <mergeCell ref="F3:G3"/>
    <mergeCell ref="A5:A6"/>
    <mergeCell ref="A18:A19"/>
    <mergeCell ref="A20:A21"/>
    <mergeCell ref="A22:A23"/>
    <mergeCell ref="B14:C14"/>
    <mergeCell ref="A24:C26"/>
    <mergeCell ref="A7:A8"/>
    <mergeCell ref="A9:A10"/>
    <mergeCell ref="A11:A12"/>
    <mergeCell ref="A14:A15"/>
    <mergeCell ref="A16:A1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4"/>
  <dimension ref="A1:Q14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5" width="8.875" style="18" customWidth="1"/>
    <col min="6" max="16384" width="9" style="18"/>
  </cols>
  <sheetData>
    <row r="1" spans="1:17">
      <c r="A1" s="70" t="s">
        <v>491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47</v>
      </c>
      <c r="B3" s="76" t="s">
        <v>124</v>
      </c>
      <c r="C3" s="76"/>
      <c r="D3" s="76"/>
      <c r="E3" s="76"/>
    </row>
    <row r="4" spans="1:17" ht="28.5">
      <c r="A4" s="84"/>
      <c r="B4" s="11" t="s">
        <v>193</v>
      </c>
      <c r="C4" s="11" t="s">
        <v>194</v>
      </c>
      <c r="D4" s="11" t="s">
        <v>22</v>
      </c>
      <c r="E4" s="11" t="s">
        <v>15</v>
      </c>
    </row>
    <row r="5" spans="1:17">
      <c r="A5" s="78" t="s">
        <v>187</v>
      </c>
      <c r="B5" s="20">
        <v>2695</v>
      </c>
      <c r="C5" s="20">
        <v>1327</v>
      </c>
      <c r="D5" s="20">
        <v>16</v>
      </c>
      <c r="E5" s="20">
        <v>4038</v>
      </c>
    </row>
    <row r="6" spans="1:17">
      <c r="A6" s="77"/>
      <c r="B6" s="21">
        <v>0.66700000000000004</v>
      </c>
      <c r="C6" s="21">
        <v>0.32900000000000001</v>
      </c>
      <c r="D6" s="21">
        <v>4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188</v>
      </c>
      <c r="B7" s="20">
        <v>1305</v>
      </c>
      <c r="C7" s="20">
        <v>718</v>
      </c>
      <c r="D7" s="20">
        <v>4</v>
      </c>
      <c r="E7" s="20">
        <v>2027</v>
      </c>
    </row>
    <row r="8" spans="1:17">
      <c r="A8" s="79"/>
      <c r="B8" s="21">
        <v>0.64400000000000002</v>
      </c>
      <c r="C8" s="21">
        <v>0.35399999999999998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5</v>
      </c>
      <c r="C9" s="24">
        <v>0</v>
      </c>
      <c r="D9" s="24">
        <v>0</v>
      </c>
      <c r="E9" s="24">
        <v>5</v>
      </c>
    </row>
    <row r="10" spans="1:17">
      <c r="A10" s="99"/>
      <c r="B10" s="21">
        <v>1</v>
      </c>
      <c r="C10" s="21">
        <v>0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4005</v>
      </c>
      <c r="C11" s="20">
        <v>2045</v>
      </c>
      <c r="D11" s="20">
        <v>20</v>
      </c>
      <c r="E11" s="20">
        <v>6070</v>
      </c>
    </row>
    <row r="12" spans="1:17">
      <c r="A12" s="74"/>
      <c r="B12" s="21">
        <v>0.66</v>
      </c>
      <c r="C12" s="21">
        <v>0.33700000000000002</v>
      </c>
      <c r="D12" s="21">
        <v>3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1" t="s">
        <v>225</v>
      </c>
      <c r="B13" s="96"/>
      <c r="C13" s="96"/>
      <c r="D13" s="96"/>
      <c r="E13" s="96"/>
      <c r="J13" s="22"/>
      <c r="K13" s="22"/>
      <c r="L13" s="22"/>
      <c r="M13" s="22"/>
      <c r="N13" s="22"/>
    </row>
    <row r="14" spans="1:17">
      <c r="A14" s="25"/>
      <c r="B14" s="25"/>
      <c r="C14" s="25"/>
      <c r="D14" s="25"/>
      <c r="E14" s="25"/>
      <c r="J14" s="22"/>
      <c r="K14" s="22"/>
      <c r="L14" s="22"/>
      <c r="M14" s="22"/>
      <c r="N14" s="22"/>
      <c r="O14" s="2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5"/>
  <dimension ref="A1:Q16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5" width="8.875" style="18" customWidth="1"/>
    <col min="6" max="16384" width="9" style="18"/>
  </cols>
  <sheetData>
    <row r="1" spans="1:17">
      <c r="A1" s="70" t="s">
        <v>492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47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187</v>
      </c>
      <c r="B5" s="20">
        <v>1648</v>
      </c>
      <c r="C5" s="20">
        <v>973</v>
      </c>
      <c r="D5" s="20">
        <v>74</v>
      </c>
      <c r="E5" s="20">
        <v>2695</v>
      </c>
    </row>
    <row r="6" spans="1:17">
      <c r="A6" s="77"/>
      <c r="B6" s="21">
        <v>0.61199999999999999</v>
      </c>
      <c r="C6" s="21">
        <v>0.36099999999999999</v>
      </c>
      <c r="D6" s="21">
        <v>2.7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88</v>
      </c>
      <c r="B7" s="24">
        <v>803</v>
      </c>
      <c r="C7" s="24">
        <v>482</v>
      </c>
      <c r="D7" s="24">
        <v>20</v>
      </c>
      <c r="E7" s="20">
        <v>1305</v>
      </c>
      <c r="J7" s="22"/>
      <c r="K7" s="22"/>
      <c r="L7" s="22"/>
      <c r="M7" s="22"/>
      <c r="N7" s="22"/>
    </row>
    <row r="8" spans="1:17">
      <c r="A8" s="79"/>
      <c r="B8" s="21">
        <v>0.61499999999999999</v>
      </c>
      <c r="C8" s="21">
        <v>0.36899999999999999</v>
      </c>
      <c r="D8" s="21">
        <v>1.4999999999999999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7">
        <v>3</v>
      </c>
      <c r="C9" s="27">
        <v>2</v>
      </c>
      <c r="D9" s="27">
        <v>0</v>
      </c>
      <c r="E9" s="27">
        <v>5</v>
      </c>
    </row>
    <row r="10" spans="1:17">
      <c r="A10" s="99"/>
      <c r="B10" s="21">
        <v>0.6</v>
      </c>
      <c r="C10" s="21">
        <v>0.4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2454</v>
      </c>
      <c r="C11" s="20">
        <v>1457</v>
      </c>
      <c r="D11" s="20">
        <v>94</v>
      </c>
      <c r="E11" s="20">
        <v>4005</v>
      </c>
    </row>
    <row r="12" spans="1:17">
      <c r="A12" s="74"/>
      <c r="B12" s="21">
        <v>0.61299999999999999</v>
      </c>
      <c r="C12" s="21">
        <v>0.36399999999999999</v>
      </c>
      <c r="D12" s="21">
        <v>2.3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71" t="s">
        <v>216</v>
      </c>
      <c r="B13" s="71"/>
      <c r="C13" s="71"/>
      <c r="D13" s="71"/>
      <c r="E13" s="71"/>
      <c r="J13" s="22"/>
      <c r="K13" s="22"/>
      <c r="L13" s="22"/>
      <c r="M13" s="22"/>
      <c r="N13" s="22"/>
    </row>
    <row r="14" spans="1:17">
      <c r="A14" s="81"/>
      <c r="B14" s="81"/>
      <c r="C14" s="81"/>
      <c r="D14" s="81"/>
      <c r="E14" s="81"/>
      <c r="J14" s="22"/>
      <c r="K14" s="22"/>
      <c r="L14" s="22"/>
      <c r="M14" s="22"/>
      <c r="N14" s="22"/>
      <c r="O14" s="22"/>
    </row>
    <row r="15" spans="1:17">
      <c r="A15" s="81"/>
      <c r="B15" s="81"/>
      <c r="C15" s="81"/>
      <c r="D15" s="81"/>
      <c r="E15" s="81"/>
    </row>
    <row r="16" spans="1:17">
      <c r="A16" s="81"/>
      <c r="B16" s="81"/>
      <c r="C16" s="81"/>
      <c r="D16" s="81"/>
      <c r="E16" s="81"/>
    </row>
  </sheetData>
  <mergeCells count="8">
    <mergeCell ref="A13:E16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6"/>
  <dimension ref="A1:S14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3" width="9" style="18" customWidth="1"/>
    <col min="4" max="5" width="9.5" style="18" bestFit="1" customWidth="1"/>
    <col min="6" max="7" width="9" style="18" customWidth="1"/>
    <col min="8" max="16384" width="9" style="18"/>
  </cols>
  <sheetData>
    <row r="1" spans="1:19">
      <c r="A1" s="70" t="s">
        <v>494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493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94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8" t="s">
        <v>187</v>
      </c>
      <c r="B5" s="20">
        <v>283</v>
      </c>
      <c r="C5" s="20">
        <v>925</v>
      </c>
      <c r="D5" s="20">
        <v>1161</v>
      </c>
      <c r="E5" s="20">
        <v>1657</v>
      </c>
      <c r="F5" s="20">
        <v>12</v>
      </c>
      <c r="G5" s="20">
        <v>4038</v>
      </c>
    </row>
    <row r="6" spans="1:19">
      <c r="A6" s="77"/>
      <c r="B6" s="21">
        <v>7.0000000000000007E-2</v>
      </c>
      <c r="C6" s="21">
        <v>0.22900000000000001</v>
      </c>
      <c r="D6" s="21">
        <v>0.28799999999999998</v>
      </c>
      <c r="E6" s="21">
        <v>0.41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88</v>
      </c>
      <c r="B7" s="24">
        <v>152</v>
      </c>
      <c r="C7" s="24">
        <v>498</v>
      </c>
      <c r="D7" s="24">
        <v>669</v>
      </c>
      <c r="E7" s="24">
        <v>701</v>
      </c>
      <c r="F7" s="24">
        <v>7</v>
      </c>
      <c r="G7" s="20">
        <v>2027</v>
      </c>
      <c r="L7" s="22"/>
      <c r="M7" s="22"/>
      <c r="N7" s="22"/>
      <c r="O7" s="22"/>
      <c r="P7" s="22"/>
    </row>
    <row r="8" spans="1:19">
      <c r="A8" s="74"/>
      <c r="B8" s="21">
        <v>7.4999999999999997E-2</v>
      </c>
      <c r="C8" s="21">
        <v>0.246</v>
      </c>
      <c r="D8" s="21">
        <v>0.33</v>
      </c>
      <c r="E8" s="21">
        <v>0.34599999999999997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0</v>
      </c>
      <c r="C9" s="24">
        <v>1</v>
      </c>
      <c r="D9" s="24">
        <v>1</v>
      </c>
      <c r="E9" s="24">
        <v>3</v>
      </c>
      <c r="F9" s="24">
        <v>0</v>
      </c>
      <c r="G9" s="24">
        <v>5</v>
      </c>
    </row>
    <row r="10" spans="1:19">
      <c r="A10" s="99"/>
      <c r="B10" s="21">
        <v>0</v>
      </c>
      <c r="C10" s="21">
        <v>0.2</v>
      </c>
      <c r="D10" s="21">
        <v>0.2</v>
      </c>
      <c r="E10" s="21">
        <v>0.6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435</v>
      </c>
      <c r="C11" s="20">
        <v>1424</v>
      </c>
      <c r="D11" s="20">
        <v>1831</v>
      </c>
      <c r="E11" s="20">
        <v>2361</v>
      </c>
      <c r="F11" s="20">
        <v>19</v>
      </c>
      <c r="G11" s="20">
        <v>6070</v>
      </c>
    </row>
    <row r="12" spans="1:19">
      <c r="A12" s="74"/>
      <c r="B12" s="21">
        <v>7.1999999999999995E-2</v>
      </c>
      <c r="C12" s="21">
        <v>0.23499999999999999</v>
      </c>
      <c r="D12" s="21">
        <v>0.30199999999999999</v>
      </c>
      <c r="E12" s="21">
        <v>0.38900000000000001</v>
      </c>
      <c r="F12" s="21">
        <v>3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1" t="s">
        <v>217</v>
      </c>
      <c r="B13" s="71"/>
      <c r="C13" s="71"/>
      <c r="D13" s="71"/>
      <c r="E13" s="71"/>
      <c r="F13" s="71"/>
      <c r="G13" s="71"/>
      <c r="L13" s="22"/>
      <c r="M13" s="22"/>
      <c r="N13" s="22"/>
      <c r="O13" s="22"/>
      <c r="P13" s="22"/>
    </row>
    <row r="14" spans="1:19">
      <c r="A14" s="81"/>
      <c r="B14" s="81"/>
      <c r="C14" s="81"/>
      <c r="D14" s="81"/>
      <c r="E14" s="81"/>
      <c r="F14" s="81"/>
      <c r="G14" s="81"/>
      <c r="L14" s="22"/>
      <c r="M14" s="22"/>
      <c r="N14" s="22"/>
      <c r="O14" s="22"/>
      <c r="P14" s="22"/>
      <c r="Q14" s="2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7"/>
  <dimension ref="A1:R14"/>
  <sheetViews>
    <sheetView workbookViewId="0">
      <selection activeCell="A2" sqref="A2"/>
    </sheetView>
  </sheetViews>
  <sheetFormatPr defaultColWidth="9" defaultRowHeight="14.25"/>
  <cols>
    <col min="1" max="1" width="22.75" style="18" bestFit="1" customWidth="1"/>
    <col min="2" max="2" width="8.875" style="18" customWidth="1"/>
    <col min="3" max="3" width="9.5" style="18" bestFit="1" customWidth="1"/>
    <col min="4" max="6" width="8.875" style="18" customWidth="1"/>
    <col min="7" max="16384" width="9" style="18"/>
  </cols>
  <sheetData>
    <row r="1" spans="1:18">
      <c r="A1" s="70" t="s">
        <v>495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47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226</v>
      </c>
      <c r="D4" s="11" t="s">
        <v>44</v>
      </c>
      <c r="E4" s="11" t="s">
        <v>22</v>
      </c>
      <c r="F4" s="11" t="s">
        <v>15</v>
      </c>
    </row>
    <row r="5" spans="1:18">
      <c r="A5" s="78" t="s">
        <v>187</v>
      </c>
      <c r="B5" s="20">
        <v>407</v>
      </c>
      <c r="C5" s="20">
        <v>733</v>
      </c>
      <c r="D5" s="20">
        <v>2876</v>
      </c>
      <c r="E5" s="20">
        <v>22</v>
      </c>
      <c r="F5" s="20">
        <v>4038</v>
      </c>
    </row>
    <row r="6" spans="1:18">
      <c r="A6" s="77"/>
      <c r="B6" s="21">
        <v>0.10100000000000001</v>
      </c>
      <c r="C6" s="21">
        <v>0.182</v>
      </c>
      <c r="D6" s="21">
        <v>0.71199999999999997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188</v>
      </c>
      <c r="B7" s="20">
        <v>185</v>
      </c>
      <c r="C7" s="20">
        <v>389</v>
      </c>
      <c r="D7" s="20">
        <v>1441</v>
      </c>
      <c r="E7" s="20">
        <v>12</v>
      </c>
      <c r="F7" s="20">
        <v>2027</v>
      </c>
    </row>
    <row r="8" spans="1:18">
      <c r="A8" s="79"/>
      <c r="B8" s="21">
        <v>9.0999999999999998E-2</v>
      </c>
      <c r="C8" s="21">
        <v>0.192</v>
      </c>
      <c r="D8" s="21">
        <v>0.71099999999999997</v>
      </c>
      <c r="E8" s="21">
        <v>6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1</v>
      </c>
      <c r="C9" s="24">
        <v>1</v>
      </c>
      <c r="D9" s="24">
        <v>3</v>
      </c>
      <c r="E9" s="24">
        <v>0</v>
      </c>
      <c r="F9" s="24">
        <v>5</v>
      </c>
    </row>
    <row r="10" spans="1:18">
      <c r="A10" s="99"/>
      <c r="B10" s="21">
        <v>0.2</v>
      </c>
      <c r="C10" s="21">
        <v>0.2</v>
      </c>
      <c r="D10" s="21">
        <v>0.6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593</v>
      </c>
      <c r="C11" s="20">
        <v>1123</v>
      </c>
      <c r="D11" s="20">
        <v>4320</v>
      </c>
      <c r="E11" s="20">
        <v>34</v>
      </c>
      <c r="F11" s="20">
        <v>6070</v>
      </c>
    </row>
    <row r="12" spans="1:18">
      <c r="A12" s="74"/>
      <c r="B12" s="21">
        <v>9.8000000000000004E-2</v>
      </c>
      <c r="C12" s="21">
        <v>0.185</v>
      </c>
      <c r="D12" s="21">
        <v>0.71199999999999997</v>
      </c>
      <c r="E12" s="21">
        <v>6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227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8"/>
  <dimension ref="A1:R14"/>
  <sheetViews>
    <sheetView workbookViewId="0">
      <selection activeCell="A2" sqref="A2"/>
    </sheetView>
  </sheetViews>
  <sheetFormatPr defaultColWidth="9" defaultRowHeight="14.25"/>
  <cols>
    <col min="1" max="1" width="22.75" style="18" bestFit="1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496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47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107</v>
      </c>
      <c r="E4" s="11" t="s">
        <v>22</v>
      </c>
      <c r="F4" s="11" t="s">
        <v>15</v>
      </c>
    </row>
    <row r="5" spans="1:18">
      <c r="A5" s="78" t="s">
        <v>187</v>
      </c>
      <c r="B5" s="20">
        <v>1622</v>
      </c>
      <c r="C5" s="20">
        <v>1811</v>
      </c>
      <c r="D5" s="20">
        <v>593</v>
      </c>
      <c r="E5" s="20">
        <v>12</v>
      </c>
      <c r="F5" s="20">
        <v>4038</v>
      </c>
    </row>
    <row r="6" spans="1:18">
      <c r="A6" s="77"/>
      <c r="B6" s="21">
        <v>0.40200000000000002</v>
      </c>
      <c r="C6" s="21">
        <v>0.44800000000000001</v>
      </c>
      <c r="D6" s="21">
        <v>0.14699999999999999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88</v>
      </c>
      <c r="B7" s="24">
        <v>834</v>
      </c>
      <c r="C7" s="24">
        <v>853</v>
      </c>
      <c r="D7" s="24">
        <v>339</v>
      </c>
      <c r="E7" s="24">
        <v>1</v>
      </c>
      <c r="F7" s="20">
        <v>2027</v>
      </c>
      <c r="K7" s="22"/>
      <c r="L7" s="22"/>
      <c r="M7" s="22"/>
      <c r="N7" s="22"/>
      <c r="O7" s="22"/>
    </row>
    <row r="8" spans="1:18">
      <c r="A8" s="79"/>
      <c r="B8" s="21">
        <v>0.41099999999999998</v>
      </c>
      <c r="C8" s="21">
        <v>0.42099999999999999</v>
      </c>
      <c r="D8" s="21">
        <v>0.16700000000000001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1</v>
      </c>
      <c r="C9" s="24">
        <v>2</v>
      </c>
      <c r="D9" s="24">
        <v>2</v>
      </c>
      <c r="E9" s="24">
        <v>0</v>
      </c>
      <c r="F9" s="24">
        <v>5</v>
      </c>
    </row>
    <row r="10" spans="1:18">
      <c r="A10" s="99"/>
      <c r="B10" s="21">
        <v>0.2</v>
      </c>
      <c r="C10" s="21">
        <v>0.4</v>
      </c>
      <c r="D10" s="21">
        <v>0.4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2457</v>
      </c>
      <c r="C11" s="20">
        <v>2666</v>
      </c>
      <c r="D11" s="20">
        <v>934</v>
      </c>
      <c r="E11" s="20">
        <v>13</v>
      </c>
      <c r="F11" s="20">
        <v>6070</v>
      </c>
    </row>
    <row r="12" spans="1:18">
      <c r="A12" s="74"/>
      <c r="B12" s="21">
        <v>0.40500000000000003</v>
      </c>
      <c r="C12" s="21">
        <v>0.439</v>
      </c>
      <c r="D12" s="21">
        <v>0.154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80" t="s">
        <v>261</v>
      </c>
      <c r="B13" s="98"/>
      <c r="C13" s="98"/>
      <c r="D13" s="98"/>
      <c r="E13" s="98"/>
      <c r="F13" s="98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9"/>
  <dimension ref="A1:S14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7" width="8.875" style="18" customWidth="1"/>
    <col min="8" max="16384" width="9" style="18"/>
  </cols>
  <sheetData>
    <row r="1" spans="1:19">
      <c r="A1" s="70" t="s">
        <v>497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47</v>
      </c>
      <c r="B3" s="76" t="s">
        <v>130</v>
      </c>
      <c r="C3" s="76"/>
      <c r="D3" s="76"/>
      <c r="E3" s="76"/>
      <c r="F3" s="76"/>
      <c r="G3" s="76"/>
    </row>
    <row r="4" spans="1:19" ht="42.75">
      <c r="A4" s="84"/>
      <c r="B4" s="11" t="s">
        <v>110</v>
      </c>
      <c r="C4" s="11" t="s">
        <v>111</v>
      </c>
      <c r="D4" s="11" t="s">
        <v>112</v>
      </c>
      <c r="E4" s="11" t="s">
        <v>276</v>
      </c>
      <c r="F4" s="11" t="s">
        <v>22</v>
      </c>
      <c r="G4" s="11" t="s">
        <v>15</v>
      </c>
    </row>
    <row r="5" spans="1:19">
      <c r="A5" s="78" t="s">
        <v>187</v>
      </c>
      <c r="B5" s="20">
        <v>744</v>
      </c>
      <c r="C5" s="20">
        <v>330</v>
      </c>
      <c r="D5" s="20">
        <v>57</v>
      </c>
      <c r="E5" s="20">
        <v>486</v>
      </c>
      <c r="F5" s="20">
        <v>5</v>
      </c>
      <c r="G5" s="20">
        <v>1622</v>
      </c>
    </row>
    <row r="6" spans="1:19">
      <c r="A6" s="77"/>
      <c r="B6" s="21">
        <v>0.45900000000000002</v>
      </c>
      <c r="C6" s="21">
        <v>0.20300000000000001</v>
      </c>
      <c r="D6" s="21">
        <v>3.5000000000000003E-2</v>
      </c>
      <c r="E6" s="21">
        <v>0.3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ht="27.75" customHeight="1">
      <c r="A7" s="78" t="s">
        <v>273</v>
      </c>
      <c r="B7" s="24">
        <v>360</v>
      </c>
      <c r="C7" s="24">
        <v>182</v>
      </c>
      <c r="D7" s="24">
        <v>27</v>
      </c>
      <c r="E7" s="24">
        <v>264</v>
      </c>
      <c r="F7" s="24">
        <v>1</v>
      </c>
      <c r="G7" s="20">
        <v>834</v>
      </c>
      <c r="L7" s="22"/>
      <c r="M7" s="22"/>
      <c r="N7" s="22"/>
      <c r="O7" s="22"/>
      <c r="P7" s="22"/>
    </row>
    <row r="8" spans="1:19" ht="27.75" customHeight="1">
      <c r="A8" s="79"/>
      <c r="B8" s="21">
        <v>0.432</v>
      </c>
      <c r="C8" s="21">
        <v>0.218</v>
      </c>
      <c r="D8" s="21">
        <v>3.2000000000000001E-2</v>
      </c>
      <c r="E8" s="21">
        <v>0.317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1</v>
      </c>
      <c r="C9" s="24">
        <v>0</v>
      </c>
      <c r="D9" s="24">
        <v>0</v>
      </c>
      <c r="E9" s="24">
        <v>0</v>
      </c>
      <c r="F9" s="24">
        <v>0</v>
      </c>
      <c r="G9" s="24">
        <v>1</v>
      </c>
    </row>
    <row r="10" spans="1:19">
      <c r="A10" s="99"/>
      <c r="B10" s="21">
        <v>1</v>
      </c>
      <c r="C10" s="21">
        <v>0</v>
      </c>
      <c r="D10" s="21">
        <v>0</v>
      </c>
      <c r="E10" s="21">
        <v>0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1105</v>
      </c>
      <c r="C11" s="20">
        <v>512</v>
      </c>
      <c r="D11" s="20">
        <v>84</v>
      </c>
      <c r="E11" s="20">
        <v>750</v>
      </c>
      <c r="F11" s="20">
        <v>6</v>
      </c>
      <c r="G11" s="20">
        <v>2457</v>
      </c>
    </row>
    <row r="12" spans="1:19">
      <c r="A12" s="74"/>
      <c r="B12" s="21">
        <v>0.45</v>
      </c>
      <c r="C12" s="21">
        <v>0.20799999999999999</v>
      </c>
      <c r="D12" s="21">
        <v>3.4000000000000002E-2</v>
      </c>
      <c r="E12" s="21">
        <v>0.30499999999999999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1" t="s">
        <v>218</v>
      </c>
      <c r="B13" s="96"/>
      <c r="C13" s="96"/>
      <c r="D13" s="96"/>
      <c r="E13" s="96"/>
      <c r="F13" s="96"/>
      <c r="G13" s="96"/>
      <c r="L13" s="22"/>
      <c r="M13" s="22"/>
      <c r="N13" s="22"/>
      <c r="O13" s="22"/>
      <c r="P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0"/>
  <dimension ref="A1:T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2" width="8.125" style="18" customWidth="1"/>
    <col min="3" max="5" width="9.5" style="18" bestFit="1" customWidth="1"/>
    <col min="6" max="8" width="8.875" style="18" customWidth="1"/>
    <col min="9" max="16384" width="9" style="18"/>
  </cols>
  <sheetData>
    <row r="1" spans="1:20">
      <c r="A1" s="70" t="s">
        <v>498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84" t="s">
        <v>277</v>
      </c>
      <c r="B3" s="76" t="s">
        <v>119</v>
      </c>
      <c r="C3" s="76"/>
      <c r="D3" s="76"/>
      <c r="E3" s="76"/>
      <c r="F3" s="76"/>
      <c r="G3" s="76"/>
      <c r="H3" s="76"/>
    </row>
    <row r="4" spans="1:20" ht="42.75">
      <c r="A4" s="84"/>
      <c r="B4" s="11" t="s">
        <v>263</v>
      </c>
      <c r="C4" s="11" t="s">
        <v>235</v>
      </c>
      <c r="D4" s="11" t="s">
        <v>236</v>
      </c>
      <c r="E4" s="11" t="s">
        <v>62</v>
      </c>
      <c r="F4" s="11" t="s">
        <v>191</v>
      </c>
      <c r="G4" s="11" t="s">
        <v>22</v>
      </c>
      <c r="H4" s="11" t="s">
        <v>15</v>
      </c>
    </row>
    <row r="5" spans="1:20">
      <c r="A5" s="78" t="s">
        <v>214</v>
      </c>
      <c r="B5" s="20">
        <v>123</v>
      </c>
      <c r="C5" s="20">
        <v>167</v>
      </c>
      <c r="D5" s="20">
        <v>85</v>
      </c>
      <c r="E5" s="20">
        <v>88</v>
      </c>
      <c r="F5" s="20">
        <v>90</v>
      </c>
      <c r="G5" s="20">
        <v>0</v>
      </c>
      <c r="H5" s="20">
        <v>553</v>
      </c>
    </row>
    <row r="6" spans="1:20">
      <c r="A6" s="77"/>
      <c r="B6" s="21">
        <v>0.222</v>
      </c>
      <c r="C6" s="21">
        <v>0.30199999999999999</v>
      </c>
      <c r="D6" s="21">
        <v>0.154</v>
      </c>
      <c r="E6" s="21">
        <v>0.159</v>
      </c>
      <c r="F6" s="21">
        <v>0.16300000000000001</v>
      </c>
      <c r="G6" s="21">
        <v>0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>
      <c r="A7" s="78" t="s">
        <v>215</v>
      </c>
      <c r="B7" s="24">
        <v>288</v>
      </c>
      <c r="C7" s="24">
        <v>813</v>
      </c>
      <c r="D7" s="24">
        <v>602</v>
      </c>
      <c r="E7" s="24">
        <v>638</v>
      </c>
      <c r="F7" s="24">
        <v>399</v>
      </c>
      <c r="G7" s="24">
        <v>0</v>
      </c>
      <c r="H7" s="20">
        <v>2740</v>
      </c>
      <c r="M7" s="22"/>
      <c r="N7" s="22"/>
      <c r="O7" s="22"/>
      <c r="P7" s="22"/>
      <c r="Q7" s="22"/>
    </row>
    <row r="8" spans="1:20">
      <c r="A8" s="79"/>
      <c r="B8" s="21">
        <v>0.105</v>
      </c>
      <c r="C8" s="21">
        <v>0.29699999999999999</v>
      </c>
      <c r="D8" s="21">
        <v>0.22</v>
      </c>
      <c r="E8" s="21">
        <v>0.23300000000000001</v>
      </c>
      <c r="F8" s="21">
        <v>0.14599999999999999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 s="23" customFormat="1">
      <c r="A9" s="78" t="s">
        <v>54</v>
      </c>
      <c r="B9" s="20">
        <v>206</v>
      </c>
      <c r="C9" s="20">
        <v>549</v>
      </c>
      <c r="D9" s="20">
        <v>448</v>
      </c>
      <c r="E9" s="20">
        <v>1090</v>
      </c>
      <c r="F9" s="20">
        <v>479</v>
      </c>
      <c r="G9" s="20">
        <v>2</v>
      </c>
      <c r="H9" s="20">
        <v>2774</v>
      </c>
    </row>
    <row r="10" spans="1:20">
      <c r="A10" s="79"/>
      <c r="B10" s="21">
        <v>7.3999999999999996E-2</v>
      </c>
      <c r="C10" s="21">
        <v>0.19800000000000001</v>
      </c>
      <c r="D10" s="21">
        <v>0.161</v>
      </c>
      <c r="E10" s="21">
        <v>0.39300000000000002</v>
      </c>
      <c r="F10" s="21">
        <v>0.17299999999999999</v>
      </c>
      <c r="G10" s="21">
        <v>1E-3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>
      <c r="A11" s="95" t="s">
        <v>22</v>
      </c>
      <c r="B11" s="24">
        <v>0</v>
      </c>
      <c r="C11" s="24">
        <v>1</v>
      </c>
      <c r="D11" s="24">
        <v>0</v>
      </c>
      <c r="E11" s="24">
        <v>0</v>
      </c>
      <c r="F11" s="24">
        <v>2</v>
      </c>
      <c r="G11" s="24">
        <v>0</v>
      </c>
      <c r="H11" s="24">
        <v>3</v>
      </c>
    </row>
    <row r="12" spans="1:20">
      <c r="A12" s="99"/>
      <c r="B12" s="21">
        <v>0</v>
      </c>
      <c r="C12" s="21">
        <v>0.33300000000000002</v>
      </c>
      <c r="D12" s="21">
        <v>0</v>
      </c>
      <c r="E12" s="21">
        <v>0</v>
      </c>
      <c r="F12" s="21">
        <v>0.66700000000000004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 s="23" customFormat="1">
      <c r="A13" s="73" t="s">
        <v>15</v>
      </c>
      <c r="B13" s="20">
        <v>617</v>
      </c>
      <c r="C13" s="20">
        <v>1530</v>
      </c>
      <c r="D13" s="20">
        <v>1135</v>
      </c>
      <c r="E13" s="20">
        <v>1816</v>
      </c>
      <c r="F13" s="20">
        <v>970</v>
      </c>
      <c r="G13" s="20">
        <v>2</v>
      </c>
      <c r="H13" s="20">
        <v>6070</v>
      </c>
    </row>
    <row r="14" spans="1:20">
      <c r="A14" s="74"/>
      <c r="B14" s="21">
        <v>0.10199999999999999</v>
      </c>
      <c r="C14" s="21">
        <v>0.252</v>
      </c>
      <c r="D14" s="21">
        <v>0.187</v>
      </c>
      <c r="E14" s="21">
        <v>0.29899999999999999</v>
      </c>
      <c r="F14" s="21">
        <v>0.16</v>
      </c>
      <c r="G14" s="21">
        <v>0</v>
      </c>
      <c r="H14" s="21">
        <v>1</v>
      </c>
      <c r="M14" s="22"/>
      <c r="N14" s="22"/>
      <c r="O14" s="22"/>
      <c r="P14" s="22"/>
      <c r="Q14" s="22"/>
      <c r="R14" s="22"/>
      <c r="S14" s="22"/>
      <c r="T14" s="22"/>
    </row>
    <row r="15" spans="1:20">
      <c r="A15" s="80" t="s">
        <v>238</v>
      </c>
      <c r="B15" s="98"/>
      <c r="C15" s="98"/>
      <c r="D15" s="98"/>
      <c r="E15" s="98"/>
      <c r="F15" s="98"/>
      <c r="G15" s="98"/>
      <c r="H15" s="98"/>
      <c r="M15" s="22"/>
      <c r="N15" s="22"/>
      <c r="O15" s="22"/>
      <c r="P15" s="22"/>
      <c r="Q15" s="22"/>
    </row>
    <row r="16" spans="1:20">
      <c r="A16" s="25"/>
      <c r="B16" s="25"/>
      <c r="C16" s="25"/>
      <c r="D16" s="25"/>
      <c r="E16" s="25"/>
      <c r="F16" s="25"/>
      <c r="G16" s="25"/>
      <c r="H16" s="25"/>
      <c r="M16" s="22"/>
      <c r="N16" s="22"/>
      <c r="O16" s="22"/>
      <c r="P16" s="22"/>
      <c r="Q16" s="22"/>
      <c r="R16" s="22"/>
    </row>
  </sheetData>
  <mergeCells count="9">
    <mergeCell ref="A13:A14"/>
    <mergeCell ref="A15:H15"/>
    <mergeCell ref="A9:A10"/>
    <mergeCell ref="A1:H1"/>
    <mergeCell ref="A3:A4"/>
    <mergeCell ref="B3:H3"/>
    <mergeCell ref="A5:A6"/>
    <mergeCell ref="A7:A8"/>
    <mergeCell ref="A11:A12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1"/>
  <dimension ref="A1:S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2" width="8.875" style="18" customWidth="1"/>
    <col min="3" max="3" width="9.5" style="18" bestFit="1" customWidth="1"/>
    <col min="4" max="4" width="8.875" style="18" customWidth="1"/>
    <col min="5" max="5" width="13.875" style="18" bestFit="1" customWidth="1"/>
    <col min="6" max="7" width="8.875" style="18" customWidth="1"/>
    <col min="8" max="16384" width="9" style="18"/>
  </cols>
  <sheetData>
    <row r="1" spans="1:19">
      <c r="A1" s="70" t="s">
        <v>499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77</v>
      </c>
      <c r="B3" s="76" t="s">
        <v>120</v>
      </c>
      <c r="C3" s="76"/>
      <c r="D3" s="76"/>
      <c r="E3" s="76"/>
      <c r="F3" s="76"/>
      <c r="G3" s="76"/>
    </row>
    <row r="4" spans="1:19" ht="42.75">
      <c r="A4" s="84"/>
      <c r="B4" s="11" t="s">
        <v>270</v>
      </c>
      <c r="C4" s="11" t="s">
        <v>215</v>
      </c>
      <c r="D4" s="11" t="s">
        <v>271</v>
      </c>
      <c r="E4" s="11" t="s">
        <v>190</v>
      </c>
      <c r="F4" s="11" t="s">
        <v>22</v>
      </c>
      <c r="G4" s="11" t="s">
        <v>15</v>
      </c>
    </row>
    <row r="5" spans="1:19">
      <c r="A5" s="78" t="s">
        <v>214</v>
      </c>
      <c r="B5" s="20">
        <v>293</v>
      </c>
      <c r="C5" s="20">
        <v>55</v>
      </c>
      <c r="D5" s="20">
        <v>32</v>
      </c>
      <c r="E5" s="20">
        <v>173</v>
      </c>
      <c r="F5" s="20">
        <v>0</v>
      </c>
      <c r="G5" s="20">
        <v>553</v>
      </c>
    </row>
    <row r="6" spans="1:19">
      <c r="A6" s="77"/>
      <c r="B6" s="21">
        <v>0.53</v>
      </c>
      <c r="C6" s="21">
        <v>9.9000000000000005E-2</v>
      </c>
      <c r="D6" s="21">
        <v>5.8000000000000003E-2</v>
      </c>
      <c r="E6" s="21">
        <v>0.313</v>
      </c>
      <c r="F6" s="21">
        <v>0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8" t="s">
        <v>215</v>
      </c>
      <c r="B7" s="20">
        <v>1148</v>
      </c>
      <c r="C7" s="20">
        <v>314</v>
      </c>
      <c r="D7" s="20">
        <v>142</v>
      </c>
      <c r="E7" s="20">
        <v>1132</v>
      </c>
      <c r="F7" s="20">
        <v>4</v>
      </c>
      <c r="G7" s="20">
        <v>2740</v>
      </c>
    </row>
    <row r="8" spans="1:19">
      <c r="A8" s="79"/>
      <c r="B8" s="21">
        <v>0.41899999999999998</v>
      </c>
      <c r="C8" s="21">
        <v>0.115</v>
      </c>
      <c r="D8" s="21">
        <v>5.1999999999999998E-2</v>
      </c>
      <c r="E8" s="21">
        <v>0.41299999999999998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 s="23" customFormat="1">
      <c r="A9" s="78" t="s">
        <v>54</v>
      </c>
      <c r="B9" s="20">
        <v>962</v>
      </c>
      <c r="C9" s="20">
        <v>193</v>
      </c>
      <c r="D9" s="20">
        <v>194</v>
      </c>
      <c r="E9" s="20">
        <v>1417</v>
      </c>
      <c r="F9" s="20">
        <v>8</v>
      </c>
      <c r="G9" s="20">
        <v>2774</v>
      </c>
    </row>
    <row r="10" spans="1:19">
      <c r="A10" s="79"/>
      <c r="B10" s="21">
        <v>0.34699999999999998</v>
      </c>
      <c r="C10" s="21">
        <v>7.0000000000000007E-2</v>
      </c>
      <c r="D10" s="21">
        <v>7.0000000000000007E-2</v>
      </c>
      <c r="E10" s="21">
        <v>0.51100000000000001</v>
      </c>
      <c r="F10" s="21">
        <v>3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1</v>
      </c>
      <c r="C11" s="24">
        <v>0</v>
      </c>
      <c r="D11" s="24">
        <v>0</v>
      </c>
      <c r="E11" s="24">
        <v>2</v>
      </c>
      <c r="F11" s="24">
        <v>0</v>
      </c>
      <c r="G11" s="24">
        <v>3</v>
      </c>
    </row>
    <row r="12" spans="1:19">
      <c r="A12" s="99"/>
      <c r="B12" s="21">
        <v>0.33300000000000002</v>
      </c>
      <c r="C12" s="21">
        <v>0</v>
      </c>
      <c r="D12" s="21">
        <v>0</v>
      </c>
      <c r="E12" s="21">
        <v>0.66700000000000004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2404</v>
      </c>
      <c r="C13" s="20">
        <v>562</v>
      </c>
      <c r="D13" s="20">
        <v>368</v>
      </c>
      <c r="E13" s="20">
        <v>2724</v>
      </c>
      <c r="F13" s="20">
        <v>12</v>
      </c>
      <c r="G13" s="20">
        <v>6070</v>
      </c>
    </row>
    <row r="14" spans="1:19">
      <c r="A14" s="74"/>
      <c r="B14" s="21">
        <v>0.39600000000000002</v>
      </c>
      <c r="C14" s="21">
        <v>9.2999999999999999E-2</v>
      </c>
      <c r="D14" s="21">
        <v>6.0999999999999999E-2</v>
      </c>
      <c r="E14" s="21">
        <v>0.44900000000000001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ht="30.75" customHeight="1">
      <c r="A15" s="71" t="s">
        <v>71</v>
      </c>
      <c r="B15" s="96"/>
      <c r="C15" s="96"/>
      <c r="D15" s="96"/>
      <c r="E15" s="96"/>
      <c r="F15" s="96"/>
      <c r="G15" s="96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2"/>
  <dimension ref="A1:R16"/>
  <sheetViews>
    <sheetView workbookViewId="0">
      <selection activeCell="A2" sqref="A2"/>
    </sheetView>
  </sheetViews>
  <sheetFormatPr defaultColWidth="9" defaultRowHeight="14.25"/>
  <cols>
    <col min="1" max="1" width="9.5" style="18" bestFit="1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8">
      <c r="A1" s="70" t="s">
        <v>500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77</v>
      </c>
      <c r="B3" s="76" t="s">
        <v>121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>
      <c r="A5" s="78" t="s">
        <v>214</v>
      </c>
      <c r="B5" s="20">
        <v>201</v>
      </c>
      <c r="C5" s="20">
        <v>177</v>
      </c>
      <c r="D5" s="20">
        <v>175</v>
      </c>
      <c r="E5" s="20">
        <v>0</v>
      </c>
      <c r="F5" s="20">
        <v>553</v>
      </c>
    </row>
    <row r="6" spans="1:18">
      <c r="A6" s="77"/>
      <c r="B6" s="21">
        <v>0.36299999999999999</v>
      </c>
      <c r="C6" s="21">
        <v>0.32</v>
      </c>
      <c r="D6" s="21">
        <v>0.316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215</v>
      </c>
      <c r="B7" s="20">
        <v>879</v>
      </c>
      <c r="C7" s="20">
        <v>834</v>
      </c>
      <c r="D7" s="20">
        <v>1023</v>
      </c>
      <c r="E7" s="20">
        <v>4</v>
      </c>
      <c r="F7" s="20">
        <v>2740</v>
      </c>
    </row>
    <row r="8" spans="1:18">
      <c r="A8" s="79"/>
      <c r="B8" s="21">
        <v>0.32100000000000001</v>
      </c>
      <c r="C8" s="21">
        <v>0.30399999999999999</v>
      </c>
      <c r="D8" s="21">
        <v>0.373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 s="23" customFormat="1">
      <c r="A9" s="78" t="s">
        <v>54</v>
      </c>
      <c r="B9" s="20">
        <v>585</v>
      </c>
      <c r="C9" s="20">
        <v>1125</v>
      </c>
      <c r="D9" s="20">
        <v>1059</v>
      </c>
      <c r="E9" s="20">
        <v>5</v>
      </c>
      <c r="F9" s="20">
        <v>2774</v>
      </c>
    </row>
    <row r="10" spans="1:18">
      <c r="A10" s="79"/>
      <c r="B10" s="21">
        <v>0.21099999999999999</v>
      </c>
      <c r="C10" s="21">
        <v>0.40600000000000003</v>
      </c>
      <c r="D10" s="21">
        <v>0.38200000000000001</v>
      </c>
      <c r="E10" s="21">
        <v>2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0</v>
      </c>
      <c r="C11" s="24">
        <v>0</v>
      </c>
      <c r="D11" s="24">
        <v>3</v>
      </c>
      <c r="E11" s="24">
        <v>0</v>
      </c>
      <c r="F11" s="24">
        <v>3</v>
      </c>
    </row>
    <row r="12" spans="1:18">
      <c r="A12" s="99"/>
      <c r="B12" s="21">
        <v>0</v>
      </c>
      <c r="C12" s="21">
        <v>0</v>
      </c>
      <c r="D12" s="21">
        <v>1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1665</v>
      </c>
      <c r="C13" s="20">
        <v>2136</v>
      </c>
      <c r="D13" s="20">
        <v>2260</v>
      </c>
      <c r="E13" s="20">
        <v>9</v>
      </c>
      <c r="F13" s="20">
        <v>6070</v>
      </c>
    </row>
    <row r="14" spans="1:18">
      <c r="A14" s="74"/>
      <c r="B14" s="21">
        <v>0.27400000000000002</v>
      </c>
      <c r="C14" s="21">
        <v>0.35199999999999998</v>
      </c>
      <c r="D14" s="21">
        <v>0.372</v>
      </c>
      <c r="E14" s="21">
        <v>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30" customHeight="1">
      <c r="A15" s="80" t="s">
        <v>75</v>
      </c>
      <c r="B15" s="98"/>
      <c r="C15" s="98"/>
      <c r="D15" s="98"/>
      <c r="E15" s="98"/>
      <c r="F15" s="98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"/>
  <dimension ref="A1:S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4" width="8.875" style="18" customWidth="1"/>
    <col min="5" max="5" width="11.625" style="18" bestFit="1" customWidth="1"/>
    <col min="6" max="7" width="8.875" style="18" customWidth="1"/>
    <col min="8" max="16384" width="9" style="18"/>
  </cols>
  <sheetData>
    <row r="1" spans="1:19">
      <c r="A1" s="70" t="s">
        <v>113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75" t="s">
        <v>6</v>
      </c>
      <c r="B3" s="76" t="s">
        <v>109</v>
      </c>
      <c r="C3" s="76"/>
      <c r="D3" s="76"/>
      <c r="E3" s="76"/>
      <c r="F3" s="76"/>
      <c r="G3" s="76"/>
    </row>
    <row r="4" spans="1:19" ht="28.15" customHeight="1">
      <c r="A4" s="75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3" t="s">
        <v>7</v>
      </c>
      <c r="B5" s="20">
        <v>462</v>
      </c>
      <c r="C5" s="20">
        <v>229</v>
      </c>
      <c r="D5" s="20">
        <v>37</v>
      </c>
      <c r="E5" s="20">
        <v>290</v>
      </c>
      <c r="F5" s="20">
        <v>0</v>
      </c>
      <c r="G5" s="20">
        <v>1018</v>
      </c>
    </row>
    <row r="6" spans="1:19">
      <c r="A6" s="77"/>
      <c r="B6" s="21">
        <v>0.45400000000000001</v>
      </c>
      <c r="C6" s="21">
        <v>0.22500000000000001</v>
      </c>
      <c r="D6" s="21">
        <v>3.5999999999999997E-2</v>
      </c>
      <c r="E6" s="21">
        <v>0.28499999999999998</v>
      </c>
      <c r="F6" s="21">
        <v>0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3" t="s">
        <v>8</v>
      </c>
      <c r="B7" s="24">
        <v>109</v>
      </c>
      <c r="C7" s="24">
        <v>43</v>
      </c>
      <c r="D7" s="24">
        <v>9</v>
      </c>
      <c r="E7" s="24">
        <v>65</v>
      </c>
      <c r="F7" s="24">
        <v>0</v>
      </c>
      <c r="G7" s="20">
        <v>226</v>
      </c>
      <c r="L7" s="22"/>
      <c r="M7" s="22"/>
      <c r="N7" s="22"/>
      <c r="O7" s="22"/>
      <c r="P7" s="22"/>
    </row>
    <row r="8" spans="1:19">
      <c r="A8" s="74"/>
      <c r="B8" s="21">
        <v>0.48199999999999998</v>
      </c>
      <c r="C8" s="21">
        <v>0.19</v>
      </c>
      <c r="D8" s="21">
        <v>0.04</v>
      </c>
      <c r="E8" s="21">
        <v>0.28799999999999998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3" t="s">
        <v>9</v>
      </c>
      <c r="B9" s="24">
        <v>157</v>
      </c>
      <c r="C9" s="24">
        <v>72</v>
      </c>
      <c r="D9" s="24">
        <v>14</v>
      </c>
      <c r="E9" s="24">
        <v>121</v>
      </c>
      <c r="F9" s="24">
        <v>0</v>
      </c>
      <c r="G9" s="24">
        <v>364</v>
      </c>
      <c r="L9" s="22"/>
      <c r="M9" s="22"/>
      <c r="N9" s="22"/>
      <c r="O9" s="22"/>
      <c r="P9" s="22"/>
    </row>
    <row r="10" spans="1:19">
      <c r="A10" s="74"/>
      <c r="B10" s="21">
        <v>0.43099999999999999</v>
      </c>
      <c r="C10" s="21">
        <v>0.19800000000000001</v>
      </c>
      <c r="D10" s="21">
        <v>3.7999999999999999E-2</v>
      </c>
      <c r="E10" s="21">
        <v>0.33200000000000002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10</v>
      </c>
      <c r="B11" s="24">
        <v>42</v>
      </c>
      <c r="C11" s="24">
        <v>22</v>
      </c>
      <c r="D11" s="24">
        <v>5</v>
      </c>
      <c r="E11" s="24">
        <v>34</v>
      </c>
      <c r="F11" s="24">
        <v>1</v>
      </c>
      <c r="G11" s="24">
        <v>104</v>
      </c>
      <c r="L11" s="22"/>
      <c r="M11" s="22"/>
      <c r="N11" s="22"/>
      <c r="O11" s="22"/>
      <c r="P11" s="22"/>
    </row>
    <row r="12" spans="1:19">
      <c r="A12" s="79"/>
      <c r="B12" s="21">
        <v>0.40400000000000003</v>
      </c>
      <c r="C12" s="21">
        <v>0.21199999999999999</v>
      </c>
      <c r="D12" s="21">
        <v>4.8000000000000001E-2</v>
      </c>
      <c r="E12" s="21">
        <v>0.32700000000000001</v>
      </c>
      <c r="F12" s="21">
        <v>0.01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3" t="s">
        <v>11</v>
      </c>
      <c r="B13" s="24">
        <v>36</v>
      </c>
      <c r="C13" s="24">
        <v>19</v>
      </c>
      <c r="D13" s="24">
        <v>1</v>
      </c>
      <c r="E13" s="24">
        <v>21</v>
      </c>
      <c r="F13" s="24">
        <v>0</v>
      </c>
      <c r="G13" s="24">
        <v>77</v>
      </c>
      <c r="L13" s="22"/>
      <c r="M13" s="22"/>
      <c r="N13" s="22"/>
      <c r="O13" s="22"/>
      <c r="P13" s="22"/>
    </row>
    <row r="14" spans="1:19">
      <c r="A14" s="74"/>
      <c r="B14" s="21">
        <v>0.46800000000000003</v>
      </c>
      <c r="C14" s="21">
        <v>0.247</v>
      </c>
      <c r="D14" s="21">
        <v>1.2999999999999999E-2</v>
      </c>
      <c r="E14" s="21">
        <v>0.27300000000000002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73" t="s">
        <v>12</v>
      </c>
      <c r="B15" s="24">
        <v>52</v>
      </c>
      <c r="C15" s="24">
        <v>19</v>
      </c>
      <c r="D15" s="24">
        <v>5</v>
      </c>
      <c r="E15" s="24">
        <v>29</v>
      </c>
      <c r="F15" s="24">
        <v>0</v>
      </c>
      <c r="G15" s="24">
        <v>105</v>
      </c>
      <c r="L15" s="22"/>
      <c r="M15" s="22"/>
      <c r="N15" s="22"/>
      <c r="O15" s="22"/>
      <c r="P15" s="22"/>
    </row>
    <row r="16" spans="1:19">
      <c r="A16" s="74"/>
      <c r="B16" s="21">
        <v>0.495</v>
      </c>
      <c r="C16" s="21">
        <v>0.18099999999999999</v>
      </c>
      <c r="D16" s="21">
        <v>4.8000000000000001E-2</v>
      </c>
      <c r="E16" s="21">
        <v>0.27600000000000002</v>
      </c>
      <c r="F16" s="21">
        <v>0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9">
      <c r="A17" s="73" t="s">
        <v>13</v>
      </c>
      <c r="B17" s="24">
        <v>212</v>
      </c>
      <c r="C17" s="24">
        <v>83</v>
      </c>
      <c r="D17" s="24">
        <v>10</v>
      </c>
      <c r="E17" s="24">
        <v>155</v>
      </c>
      <c r="F17" s="24">
        <v>2</v>
      </c>
      <c r="G17" s="24">
        <v>462</v>
      </c>
      <c r="L17" s="22"/>
      <c r="M17" s="22"/>
      <c r="N17" s="22"/>
      <c r="O17" s="22"/>
      <c r="P17" s="22"/>
    </row>
    <row r="18" spans="1:19">
      <c r="A18" s="74"/>
      <c r="B18" s="21">
        <v>0.45900000000000002</v>
      </c>
      <c r="C18" s="21">
        <v>0.18</v>
      </c>
      <c r="D18" s="21">
        <v>2.1999999999999999E-2</v>
      </c>
      <c r="E18" s="21">
        <v>0.33500000000000002</v>
      </c>
      <c r="F18" s="21">
        <v>4.0000000000000001E-3</v>
      </c>
      <c r="G18" s="21">
        <v>1</v>
      </c>
      <c r="L18" s="22"/>
      <c r="M18" s="22"/>
      <c r="N18" s="22"/>
      <c r="O18" s="22"/>
      <c r="P18" s="22"/>
      <c r="Q18" s="22"/>
      <c r="R18" s="22"/>
      <c r="S18" s="22"/>
    </row>
    <row r="19" spans="1:19">
      <c r="A19" s="73" t="s">
        <v>14</v>
      </c>
      <c r="B19" s="24">
        <v>24</v>
      </c>
      <c r="C19" s="24">
        <v>20</v>
      </c>
      <c r="D19" s="24">
        <v>3</v>
      </c>
      <c r="E19" s="24">
        <v>29</v>
      </c>
      <c r="F19" s="24">
        <v>2</v>
      </c>
      <c r="G19" s="24">
        <v>78</v>
      </c>
      <c r="L19" s="22"/>
      <c r="M19" s="22"/>
      <c r="N19" s="22"/>
      <c r="O19" s="22"/>
      <c r="P19" s="22"/>
    </row>
    <row r="20" spans="1:19">
      <c r="A20" s="74"/>
      <c r="B20" s="21">
        <v>0.308</v>
      </c>
      <c r="C20" s="21">
        <v>0.25600000000000001</v>
      </c>
      <c r="D20" s="21">
        <v>3.7999999999999999E-2</v>
      </c>
      <c r="E20" s="21">
        <v>0.372</v>
      </c>
      <c r="F20" s="21">
        <v>2.5999999999999999E-2</v>
      </c>
      <c r="G20" s="21">
        <v>1</v>
      </c>
      <c r="L20" s="22"/>
      <c r="M20" s="22"/>
      <c r="N20" s="22"/>
      <c r="O20" s="22"/>
      <c r="P20" s="22"/>
      <c r="Q20" s="22"/>
      <c r="R20" s="22"/>
      <c r="S20" s="22"/>
    </row>
    <row r="21" spans="1:19">
      <c r="A21" s="72" t="s">
        <v>22</v>
      </c>
      <c r="B21" s="34">
        <v>11</v>
      </c>
      <c r="C21" s="34">
        <v>5</v>
      </c>
      <c r="D21" s="34">
        <v>0</v>
      </c>
      <c r="E21" s="34">
        <v>6</v>
      </c>
      <c r="F21" s="34">
        <v>1</v>
      </c>
      <c r="G21" s="34">
        <v>23</v>
      </c>
      <c r="L21" s="22"/>
      <c r="M21" s="22"/>
      <c r="N21" s="22"/>
      <c r="O21" s="22"/>
      <c r="P21" s="22"/>
    </row>
    <row r="22" spans="1:19" s="26" customFormat="1">
      <c r="A22" s="72"/>
      <c r="B22" s="33">
        <v>0.47799999999999998</v>
      </c>
      <c r="C22" s="33">
        <v>0.217</v>
      </c>
      <c r="D22" s="33">
        <v>0</v>
      </c>
      <c r="E22" s="33">
        <v>0.26100000000000001</v>
      </c>
      <c r="F22" s="33">
        <v>4.2999999999999997E-2</v>
      </c>
      <c r="G22" s="33">
        <v>1</v>
      </c>
    </row>
    <row r="23" spans="1:19" s="23" customFormat="1" ht="13.9" customHeight="1">
      <c r="A23" s="73" t="s">
        <v>15</v>
      </c>
      <c r="B23" s="20">
        <v>1105</v>
      </c>
      <c r="C23" s="20">
        <v>512</v>
      </c>
      <c r="D23" s="20">
        <v>84</v>
      </c>
      <c r="E23" s="20">
        <v>750</v>
      </c>
      <c r="F23" s="20">
        <v>6</v>
      </c>
      <c r="G23" s="20">
        <v>2457</v>
      </c>
    </row>
    <row r="24" spans="1:19">
      <c r="A24" s="74"/>
      <c r="B24" s="21">
        <v>0.45</v>
      </c>
      <c r="C24" s="21">
        <v>0.20799999999999999</v>
      </c>
      <c r="D24" s="21">
        <v>3.4000000000000002E-2</v>
      </c>
      <c r="E24" s="21">
        <v>0.30499999999999999</v>
      </c>
      <c r="F24" s="21">
        <v>2E-3</v>
      </c>
      <c r="G24" s="21">
        <v>1</v>
      </c>
      <c r="L24" s="22"/>
      <c r="M24" s="22"/>
      <c r="N24" s="22"/>
      <c r="O24" s="22"/>
      <c r="P24" s="22"/>
      <c r="Q24" s="22"/>
      <c r="R24" s="22"/>
      <c r="S24" s="22"/>
    </row>
    <row r="25" spans="1:19" ht="14.25" customHeight="1">
      <c r="A25" s="39" t="s">
        <v>280</v>
      </c>
      <c r="B25" s="39"/>
      <c r="C25" s="39"/>
      <c r="D25" s="39"/>
      <c r="E25" s="39"/>
      <c r="F25" s="39"/>
      <c r="G25" s="39"/>
      <c r="L25" s="22"/>
      <c r="M25" s="22"/>
      <c r="N25" s="22"/>
      <c r="O25" s="22"/>
      <c r="P25" s="22"/>
    </row>
    <row r="26" spans="1:19">
      <c r="A26" s="43"/>
      <c r="B26" s="43"/>
      <c r="C26" s="43"/>
      <c r="D26" s="43"/>
      <c r="E26" s="43"/>
      <c r="F26" s="43"/>
      <c r="G26" s="43"/>
    </row>
  </sheetData>
  <mergeCells count="13">
    <mergeCell ref="A23:A24"/>
    <mergeCell ref="A11:A12"/>
    <mergeCell ref="A13:A14"/>
    <mergeCell ref="A15:A16"/>
    <mergeCell ref="A17:A18"/>
    <mergeCell ref="A19:A20"/>
    <mergeCell ref="A21:A22"/>
    <mergeCell ref="A9:A10"/>
    <mergeCell ref="A1:G1"/>
    <mergeCell ref="A3:A4"/>
    <mergeCell ref="B3:G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2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3"/>
  <dimension ref="A1:R16"/>
  <sheetViews>
    <sheetView workbookViewId="0">
      <selection activeCell="A2" sqref="A2"/>
    </sheetView>
  </sheetViews>
  <sheetFormatPr defaultColWidth="9" defaultRowHeight="14.25"/>
  <cols>
    <col min="1" max="1" width="23.625" style="18" customWidth="1"/>
    <col min="2" max="2" width="9.375" style="18" customWidth="1"/>
    <col min="3" max="3" width="9.75" style="18" customWidth="1"/>
    <col min="4" max="4" width="11.625" style="18" bestFit="1" customWidth="1"/>
    <col min="5" max="5" width="8.75" style="18" customWidth="1"/>
    <col min="6" max="6" width="9.875" style="18" customWidth="1"/>
    <col min="7" max="16384" width="9" style="18"/>
  </cols>
  <sheetData>
    <row r="1" spans="1:18">
      <c r="A1" s="70" t="s">
        <v>50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55</v>
      </c>
      <c r="B3" s="76" t="s">
        <v>122</v>
      </c>
      <c r="C3" s="76"/>
      <c r="D3" s="76"/>
      <c r="E3" s="76"/>
      <c r="F3" s="76"/>
    </row>
    <row r="4" spans="1:18">
      <c r="A4" s="84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8">
      <c r="A5" s="78" t="s">
        <v>52</v>
      </c>
      <c r="B5" s="20">
        <v>372</v>
      </c>
      <c r="C5" s="20">
        <v>23</v>
      </c>
      <c r="D5" s="20">
        <v>158</v>
      </c>
      <c r="E5" s="20">
        <v>0</v>
      </c>
      <c r="F5" s="20">
        <v>553</v>
      </c>
    </row>
    <row r="6" spans="1:18">
      <c r="A6" s="77"/>
      <c r="B6" s="21">
        <v>0.67300000000000004</v>
      </c>
      <c r="C6" s="21">
        <v>4.2000000000000003E-2</v>
      </c>
      <c r="D6" s="21">
        <v>0.28599999999999998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53</v>
      </c>
      <c r="B7" s="20">
        <v>1670</v>
      </c>
      <c r="C7" s="20">
        <v>166</v>
      </c>
      <c r="D7" s="20">
        <v>897</v>
      </c>
      <c r="E7" s="20">
        <v>7</v>
      </c>
      <c r="F7" s="20">
        <v>2740</v>
      </c>
    </row>
    <row r="8" spans="1:18">
      <c r="A8" s="79"/>
      <c r="B8" s="21">
        <v>0.60899999999999999</v>
      </c>
      <c r="C8" s="21">
        <v>6.0999999999999999E-2</v>
      </c>
      <c r="D8" s="21">
        <v>0.32700000000000001</v>
      </c>
      <c r="E8" s="21">
        <v>3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 s="23" customFormat="1">
      <c r="A9" s="78" t="s">
        <v>54</v>
      </c>
      <c r="B9" s="20">
        <v>1221</v>
      </c>
      <c r="C9" s="20">
        <v>283</v>
      </c>
      <c r="D9" s="20">
        <v>1257</v>
      </c>
      <c r="E9" s="20">
        <v>13</v>
      </c>
      <c r="F9" s="20">
        <v>2774</v>
      </c>
    </row>
    <row r="10" spans="1:18">
      <c r="A10" s="79"/>
      <c r="B10" s="21">
        <v>0.44</v>
      </c>
      <c r="C10" s="21">
        <v>0.10199999999999999</v>
      </c>
      <c r="D10" s="21">
        <v>0.45300000000000001</v>
      </c>
      <c r="E10" s="21">
        <v>5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7">
        <v>0</v>
      </c>
      <c r="C11" s="27">
        <v>0</v>
      </c>
      <c r="D11" s="27">
        <v>3</v>
      </c>
      <c r="E11" s="27">
        <v>0</v>
      </c>
      <c r="F11" s="27">
        <v>3</v>
      </c>
    </row>
    <row r="12" spans="1:18">
      <c r="A12" s="99"/>
      <c r="B12" s="21">
        <v>0</v>
      </c>
      <c r="C12" s="21">
        <v>0</v>
      </c>
      <c r="D12" s="21">
        <v>1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3263</v>
      </c>
      <c r="C13" s="20">
        <v>472</v>
      </c>
      <c r="D13" s="20">
        <v>2315</v>
      </c>
      <c r="E13" s="20">
        <v>20</v>
      </c>
      <c r="F13" s="20">
        <v>6070</v>
      </c>
    </row>
    <row r="14" spans="1:18">
      <c r="A14" s="74"/>
      <c r="B14" s="21">
        <v>0.53800000000000003</v>
      </c>
      <c r="C14" s="21">
        <v>7.8E-2</v>
      </c>
      <c r="D14" s="21">
        <v>0.38100000000000001</v>
      </c>
      <c r="E14" s="21">
        <v>3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80" t="s">
        <v>239</v>
      </c>
      <c r="B15" s="80"/>
      <c r="C15" s="80"/>
      <c r="D15" s="80"/>
      <c r="E15" s="80"/>
      <c r="F15" s="80"/>
      <c r="K15" s="22"/>
      <c r="L15" s="22"/>
      <c r="M15" s="22"/>
      <c r="N15" s="22"/>
      <c r="O15" s="22"/>
    </row>
    <row r="16" spans="1:18">
      <c r="A16" s="86"/>
      <c r="B16" s="86"/>
      <c r="C16" s="86"/>
      <c r="D16" s="86"/>
      <c r="E16" s="86"/>
      <c r="F16" s="86"/>
      <c r="K16" s="22"/>
      <c r="L16" s="22"/>
      <c r="M16" s="22"/>
      <c r="N16" s="22"/>
      <c r="O16" s="22"/>
      <c r="P16" s="2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4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7">
      <c r="A1" s="70" t="s">
        <v>502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55</v>
      </c>
      <c r="B3" s="76" t="s">
        <v>123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52</v>
      </c>
      <c r="B5" s="20">
        <v>534</v>
      </c>
      <c r="C5" s="20">
        <v>19</v>
      </c>
      <c r="D5" s="20">
        <v>0</v>
      </c>
      <c r="E5" s="20">
        <v>553</v>
      </c>
    </row>
    <row r="6" spans="1:17">
      <c r="A6" s="77"/>
      <c r="B6" s="21">
        <v>0.96599999999999997</v>
      </c>
      <c r="C6" s="21">
        <v>3.4000000000000002E-2</v>
      </c>
      <c r="D6" s="21">
        <v>0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53</v>
      </c>
      <c r="B7" s="20">
        <v>2633</v>
      </c>
      <c r="C7" s="20">
        <v>102</v>
      </c>
      <c r="D7" s="20">
        <v>5</v>
      </c>
      <c r="E7" s="20">
        <v>2740</v>
      </c>
    </row>
    <row r="8" spans="1:17">
      <c r="A8" s="79"/>
      <c r="B8" s="21">
        <v>0.96099999999999997</v>
      </c>
      <c r="C8" s="21">
        <v>3.6999999999999998E-2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 s="23" customFormat="1">
      <c r="A9" s="78" t="s">
        <v>54</v>
      </c>
      <c r="B9" s="20">
        <v>2498</v>
      </c>
      <c r="C9" s="20">
        <v>264</v>
      </c>
      <c r="D9" s="20">
        <v>12</v>
      </c>
      <c r="E9" s="20">
        <v>2774</v>
      </c>
    </row>
    <row r="10" spans="1:17">
      <c r="A10" s="79"/>
      <c r="B10" s="21">
        <v>0.90100000000000002</v>
      </c>
      <c r="C10" s="21">
        <v>9.5000000000000001E-2</v>
      </c>
      <c r="D10" s="21">
        <v>4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7">
        <v>2</v>
      </c>
      <c r="C11" s="27">
        <v>1</v>
      </c>
      <c r="D11" s="27">
        <v>0</v>
      </c>
      <c r="E11" s="27">
        <v>3</v>
      </c>
    </row>
    <row r="12" spans="1:17">
      <c r="A12" s="99"/>
      <c r="B12" s="21">
        <v>0.66700000000000004</v>
      </c>
      <c r="C12" s="21">
        <v>0.33300000000000002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5667</v>
      </c>
      <c r="C13" s="20">
        <v>386</v>
      </c>
      <c r="D13" s="20">
        <v>17</v>
      </c>
      <c r="E13" s="20">
        <v>6070</v>
      </c>
    </row>
    <row r="14" spans="1:17">
      <c r="A14" s="74"/>
      <c r="B14" s="21">
        <v>0.93400000000000005</v>
      </c>
      <c r="C14" s="21">
        <v>6.4000000000000001E-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80" t="s">
        <v>192</v>
      </c>
      <c r="B15" s="98"/>
      <c r="C15" s="98"/>
      <c r="D15" s="98"/>
      <c r="E15" s="98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  <c r="J16" s="22"/>
      <c r="K16" s="22"/>
      <c r="L16" s="22"/>
      <c r="M16" s="22"/>
      <c r="N16" s="22"/>
      <c r="O16" s="2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5"/>
  <dimension ref="A1:M29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7" width="9.625" style="18" customWidth="1"/>
    <col min="8" max="16384" width="9" style="18"/>
  </cols>
  <sheetData>
    <row r="1" spans="1:13">
      <c r="A1" s="18" t="s">
        <v>503</v>
      </c>
    </row>
    <row r="2" spans="1:13">
      <c r="A2" s="121" t="s">
        <v>613</v>
      </c>
      <c r="B2" s="36"/>
      <c r="C2" s="36"/>
    </row>
    <row r="3" spans="1:13" ht="72" customHeight="1">
      <c r="A3" s="75" t="s">
        <v>600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3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3">
      <c r="A5" s="84" t="s">
        <v>52</v>
      </c>
      <c r="B5" s="20">
        <v>73</v>
      </c>
      <c r="C5" s="20">
        <v>461</v>
      </c>
      <c r="D5" s="20">
        <v>366</v>
      </c>
      <c r="E5" s="20">
        <v>168</v>
      </c>
      <c r="F5" s="20">
        <v>101</v>
      </c>
      <c r="G5" s="20">
        <v>433</v>
      </c>
    </row>
    <row r="6" spans="1:13">
      <c r="A6" s="84"/>
      <c r="B6" s="21">
        <v>0.13700000000000001</v>
      </c>
      <c r="C6" s="21">
        <v>0.86299999999999999</v>
      </c>
      <c r="D6" s="21">
        <v>0.68500000000000005</v>
      </c>
      <c r="E6" s="21">
        <v>0.315</v>
      </c>
      <c r="F6" s="21">
        <v>0.189</v>
      </c>
      <c r="G6" s="21">
        <v>0.81100000000000005</v>
      </c>
      <c r="K6" s="22"/>
      <c r="L6" s="22"/>
      <c r="M6" s="22"/>
    </row>
    <row r="7" spans="1:13" s="23" customFormat="1">
      <c r="A7" s="84" t="s">
        <v>53</v>
      </c>
      <c r="B7" s="20">
        <v>557</v>
      </c>
      <c r="C7" s="20">
        <v>2076</v>
      </c>
      <c r="D7" s="20">
        <v>1650</v>
      </c>
      <c r="E7" s="20">
        <v>983</v>
      </c>
      <c r="F7" s="20">
        <v>394</v>
      </c>
      <c r="G7" s="20">
        <v>2239</v>
      </c>
    </row>
    <row r="8" spans="1:13">
      <c r="A8" s="85"/>
      <c r="B8" s="21">
        <v>0.21199999999999999</v>
      </c>
      <c r="C8" s="21">
        <v>0.78800000000000003</v>
      </c>
      <c r="D8" s="21">
        <v>0.627</v>
      </c>
      <c r="E8" s="21">
        <v>0.373</v>
      </c>
      <c r="F8" s="21">
        <v>0.15</v>
      </c>
      <c r="G8" s="21">
        <v>0.85</v>
      </c>
      <c r="K8" s="22"/>
      <c r="L8" s="22"/>
      <c r="M8" s="22"/>
    </row>
    <row r="9" spans="1:13">
      <c r="A9" s="84" t="s">
        <v>54</v>
      </c>
      <c r="B9" s="20">
        <v>897</v>
      </c>
      <c r="C9" s="20">
        <v>1601</v>
      </c>
      <c r="D9" s="20">
        <v>1132</v>
      </c>
      <c r="E9" s="20">
        <v>1366</v>
      </c>
      <c r="F9" s="20">
        <v>211</v>
      </c>
      <c r="G9" s="20">
        <v>2287</v>
      </c>
      <c r="K9" s="22"/>
      <c r="L9" s="22"/>
      <c r="M9" s="22"/>
    </row>
    <row r="10" spans="1:13">
      <c r="A10" s="85"/>
      <c r="B10" s="21">
        <v>0.35899999999999999</v>
      </c>
      <c r="C10" s="21">
        <v>0.64100000000000001</v>
      </c>
      <c r="D10" s="21">
        <v>0.45300000000000001</v>
      </c>
      <c r="E10" s="21">
        <v>0.54700000000000004</v>
      </c>
      <c r="F10" s="21">
        <v>8.4000000000000005E-2</v>
      </c>
      <c r="G10" s="21">
        <v>0.91600000000000004</v>
      </c>
      <c r="K10" s="22"/>
      <c r="L10" s="22"/>
      <c r="M10" s="22"/>
    </row>
    <row r="11" spans="1:13">
      <c r="A11" s="75" t="s">
        <v>22</v>
      </c>
      <c r="B11" s="24">
        <v>1</v>
      </c>
      <c r="C11" s="24">
        <v>1</v>
      </c>
      <c r="D11" s="24">
        <v>0</v>
      </c>
      <c r="E11" s="24">
        <v>2</v>
      </c>
      <c r="F11" s="24">
        <v>0</v>
      </c>
      <c r="G11" s="24">
        <v>2</v>
      </c>
      <c r="H11" s="22"/>
      <c r="I11" s="22"/>
      <c r="J11" s="22"/>
      <c r="K11" s="22"/>
      <c r="L11" s="22"/>
      <c r="M11" s="22"/>
    </row>
    <row r="12" spans="1:13">
      <c r="A12" s="83"/>
      <c r="B12" s="21">
        <v>0.5</v>
      </c>
      <c r="C12" s="21">
        <v>0.5</v>
      </c>
      <c r="D12" s="21">
        <v>0</v>
      </c>
      <c r="E12" s="21">
        <v>1</v>
      </c>
      <c r="F12" s="21">
        <v>0</v>
      </c>
      <c r="G12" s="21">
        <v>1</v>
      </c>
      <c r="K12" s="22"/>
      <c r="L12" s="22"/>
      <c r="M12" s="22"/>
    </row>
    <row r="13" spans="1:13" s="23" customFormat="1">
      <c r="A13" s="75" t="s">
        <v>15</v>
      </c>
      <c r="B13" s="20">
        <v>1528</v>
      </c>
      <c r="C13" s="20">
        <v>4139</v>
      </c>
      <c r="D13" s="20">
        <v>3148</v>
      </c>
      <c r="E13" s="20">
        <v>2519</v>
      </c>
      <c r="F13" s="20">
        <v>706</v>
      </c>
      <c r="G13" s="20">
        <v>4961</v>
      </c>
    </row>
    <row r="14" spans="1:13">
      <c r="A14" s="83"/>
      <c r="B14" s="21">
        <v>0.27</v>
      </c>
      <c r="C14" s="21">
        <v>0.73</v>
      </c>
      <c r="D14" s="21">
        <v>0.55500000000000005</v>
      </c>
      <c r="E14" s="21">
        <v>0.44500000000000001</v>
      </c>
      <c r="F14" s="21">
        <v>0.125</v>
      </c>
      <c r="G14" s="21">
        <v>0.875</v>
      </c>
      <c r="K14" s="22"/>
      <c r="L14" s="22"/>
      <c r="M14" s="22"/>
    </row>
    <row r="15" spans="1:13">
      <c r="A15" s="50"/>
      <c r="B15" s="51"/>
      <c r="C15" s="51"/>
      <c r="D15" s="51"/>
      <c r="E15" s="51"/>
      <c r="F15" s="51"/>
      <c r="G15" s="51"/>
      <c r="K15" s="22"/>
      <c r="L15" s="22"/>
      <c r="M15" s="22"/>
    </row>
    <row r="16" spans="1:13" ht="30.75" customHeight="1">
      <c r="A16" s="75" t="s">
        <v>600</v>
      </c>
      <c r="B16" s="82" t="s">
        <v>160</v>
      </c>
      <c r="C16" s="82"/>
      <c r="D16" s="82" t="s">
        <v>161</v>
      </c>
      <c r="E16" s="82"/>
      <c r="F16" s="82" t="s">
        <v>162</v>
      </c>
      <c r="G16" s="82"/>
      <c r="K16" s="22"/>
      <c r="L16" s="22"/>
      <c r="M16" s="22"/>
    </row>
    <row r="17" spans="1:13">
      <c r="A17" s="75"/>
      <c r="B17" s="11" t="s">
        <v>180</v>
      </c>
      <c r="C17" s="11" t="s">
        <v>181</v>
      </c>
      <c r="D17" s="11" t="s">
        <v>180</v>
      </c>
      <c r="E17" s="11" t="s">
        <v>181</v>
      </c>
      <c r="F17" s="11" t="s">
        <v>180</v>
      </c>
      <c r="G17" s="11" t="s">
        <v>181</v>
      </c>
      <c r="K17" s="22"/>
      <c r="L17" s="22"/>
      <c r="M17" s="22"/>
    </row>
    <row r="18" spans="1:13">
      <c r="A18" s="84" t="s">
        <v>52</v>
      </c>
      <c r="B18" s="20">
        <v>164</v>
      </c>
      <c r="C18" s="20">
        <v>370</v>
      </c>
      <c r="D18" s="20">
        <v>12</v>
      </c>
      <c r="E18" s="20">
        <v>522</v>
      </c>
      <c r="F18" s="20">
        <v>63</v>
      </c>
      <c r="G18" s="20">
        <v>471</v>
      </c>
      <c r="K18" s="22"/>
      <c r="L18" s="22"/>
      <c r="M18" s="22"/>
    </row>
    <row r="19" spans="1:13">
      <c r="A19" s="84"/>
      <c r="B19" s="21">
        <v>0.307</v>
      </c>
      <c r="C19" s="21">
        <v>0.69299999999999995</v>
      </c>
      <c r="D19" s="21">
        <v>2.1999999999999999E-2</v>
      </c>
      <c r="E19" s="21">
        <v>0.97799999999999998</v>
      </c>
      <c r="F19" s="21">
        <v>0.11799999999999999</v>
      </c>
      <c r="G19" s="21">
        <v>0.88200000000000001</v>
      </c>
      <c r="K19" s="22"/>
      <c r="L19" s="22"/>
      <c r="M19" s="22"/>
    </row>
    <row r="20" spans="1:13">
      <c r="A20" s="84" t="s">
        <v>53</v>
      </c>
      <c r="B20" s="20">
        <v>696</v>
      </c>
      <c r="C20" s="20">
        <v>1937</v>
      </c>
      <c r="D20" s="20">
        <v>42</v>
      </c>
      <c r="E20" s="20">
        <v>2591</v>
      </c>
      <c r="F20" s="20">
        <v>151</v>
      </c>
      <c r="G20" s="20">
        <v>2482</v>
      </c>
      <c r="K20" s="22"/>
      <c r="L20" s="22"/>
      <c r="M20" s="22"/>
    </row>
    <row r="21" spans="1:13">
      <c r="A21" s="85"/>
      <c r="B21" s="21">
        <v>0.26400000000000001</v>
      </c>
      <c r="C21" s="21">
        <v>0.73599999999999999</v>
      </c>
      <c r="D21" s="21">
        <v>1.6E-2</v>
      </c>
      <c r="E21" s="21">
        <v>0.98399999999999999</v>
      </c>
      <c r="F21" s="21">
        <v>5.7000000000000002E-2</v>
      </c>
      <c r="G21" s="21">
        <v>0.94299999999999995</v>
      </c>
      <c r="K21" s="22"/>
      <c r="L21" s="22"/>
      <c r="M21" s="22"/>
    </row>
    <row r="22" spans="1:13">
      <c r="A22" s="84" t="s">
        <v>54</v>
      </c>
      <c r="B22" s="20">
        <v>389</v>
      </c>
      <c r="C22" s="20">
        <v>2109</v>
      </c>
      <c r="D22" s="20">
        <v>27</v>
      </c>
      <c r="E22" s="20">
        <v>2471</v>
      </c>
      <c r="F22" s="20">
        <v>89</v>
      </c>
      <c r="G22" s="20">
        <v>2409</v>
      </c>
      <c r="K22" s="22"/>
      <c r="L22" s="22"/>
      <c r="M22" s="22"/>
    </row>
    <row r="23" spans="1:13">
      <c r="A23" s="85"/>
      <c r="B23" s="21">
        <v>0.156</v>
      </c>
      <c r="C23" s="21">
        <v>0.84399999999999997</v>
      </c>
      <c r="D23" s="21">
        <v>1.0999999999999999E-2</v>
      </c>
      <c r="E23" s="21">
        <v>0.98899999999999999</v>
      </c>
      <c r="F23" s="21">
        <v>3.5999999999999997E-2</v>
      </c>
      <c r="G23" s="21">
        <v>0.96399999999999997</v>
      </c>
      <c r="K23" s="22"/>
      <c r="L23" s="22"/>
      <c r="M23" s="22"/>
    </row>
    <row r="24" spans="1:13">
      <c r="A24" s="75" t="s">
        <v>22</v>
      </c>
      <c r="B24" s="24">
        <v>0</v>
      </c>
      <c r="C24" s="24">
        <v>2</v>
      </c>
      <c r="D24" s="24">
        <v>0</v>
      </c>
      <c r="E24" s="24">
        <v>2</v>
      </c>
      <c r="F24" s="24">
        <v>0</v>
      </c>
      <c r="G24" s="24">
        <v>2</v>
      </c>
      <c r="K24" s="22"/>
      <c r="L24" s="22"/>
      <c r="M24" s="22"/>
    </row>
    <row r="25" spans="1:13">
      <c r="A25" s="83"/>
      <c r="B25" s="21">
        <v>0</v>
      </c>
      <c r="C25" s="21">
        <v>1</v>
      </c>
      <c r="D25" s="21">
        <v>0</v>
      </c>
      <c r="E25" s="21">
        <v>1</v>
      </c>
      <c r="F25" s="21">
        <v>0</v>
      </c>
      <c r="G25" s="21">
        <v>1</v>
      </c>
      <c r="K25" s="22"/>
      <c r="L25" s="22"/>
      <c r="M25" s="22"/>
    </row>
    <row r="26" spans="1:13">
      <c r="A26" s="75" t="s">
        <v>15</v>
      </c>
      <c r="B26" s="20">
        <v>1249</v>
      </c>
      <c r="C26" s="20">
        <v>4418</v>
      </c>
      <c r="D26" s="20">
        <v>81</v>
      </c>
      <c r="E26" s="20">
        <v>5586</v>
      </c>
      <c r="F26" s="20">
        <v>303</v>
      </c>
      <c r="G26" s="20">
        <v>5364</v>
      </c>
      <c r="K26" s="22"/>
      <c r="L26" s="22"/>
      <c r="M26" s="22"/>
    </row>
    <row r="27" spans="1:13">
      <c r="A27" s="83"/>
      <c r="B27" s="21">
        <v>0.22</v>
      </c>
      <c r="C27" s="21">
        <v>0.78</v>
      </c>
      <c r="D27" s="21">
        <v>1.4E-2</v>
      </c>
      <c r="E27" s="21">
        <v>0.98599999999999999</v>
      </c>
      <c r="F27" s="21">
        <v>5.2999999999999999E-2</v>
      </c>
      <c r="G27" s="21">
        <v>0.94699999999999995</v>
      </c>
      <c r="K27" s="22"/>
      <c r="L27" s="22"/>
      <c r="M27" s="22"/>
    </row>
    <row r="28" spans="1:13" ht="14.25" customHeight="1">
      <c r="A28" s="80" t="s">
        <v>302</v>
      </c>
      <c r="B28" s="80"/>
      <c r="C28" s="80"/>
      <c r="D28" s="80"/>
      <c r="E28" s="80"/>
      <c r="F28" s="80"/>
      <c r="G28" s="80"/>
      <c r="H28" s="22"/>
      <c r="I28" s="22"/>
      <c r="J28" s="22"/>
      <c r="K28" s="22"/>
      <c r="L28" s="22"/>
      <c r="M28" s="22"/>
    </row>
    <row r="29" spans="1:13">
      <c r="A29" s="86"/>
      <c r="B29" s="86"/>
      <c r="C29" s="86"/>
      <c r="D29" s="86"/>
      <c r="E29" s="86"/>
      <c r="F29" s="86"/>
      <c r="G29" s="86"/>
    </row>
  </sheetData>
  <mergeCells count="19">
    <mergeCell ref="A9:A10"/>
    <mergeCell ref="A24:A25"/>
    <mergeCell ref="A26:A27"/>
    <mergeCell ref="F16:G16"/>
    <mergeCell ref="A18:A19"/>
    <mergeCell ref="A20:A21"/>
    <mergeCell ref="A28:G29"/>
    <mergeCell ref="A3:A4"/>
    <mergeCell ref="B3:C3"/>
    <mergeCell ref="D3:E3"/>
    <mergeCell ref="A22:A23"/>
    <mergeCell ref="F3:G3"/>
    <mergeCell ref="B16:C16"/>
    <mergeCell ref="D16:E16"/>
    <mergeCell ref="A5:A6"/>
    <mergeCell ref="A7:A8"/>
    <mergeCell ref="A11:A12"/>
    <mergeCell ref="A13:A14"/>
    <mergeCell ref="A16:A1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6"/>
  <dimension ref="A1:H31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7" width="9.625" style="18" customWidth="1"/>
    <col min="8" max="16384" width="9" style="18"/>
  </cols>
  <sheetData>
    <row r="1" spans="1:8">
      <c r="A1" s="18" t="s">
        <v>504</v>
      </c>
    </row>
    <row r="2" spans="1:8">
      <c r="A2" s="121" t="s">
        <v>613</v>
      </c>
      <c r="B2" s="28"/>
      <c r="C2" s="28"/>
      <c r="D2" s="28"/>
      <c r="E2" s="28"/>
      <c r="F2" s="28"/>
      <c r="G2" s="28"/>
    </row>
    <row r="3" spans="1:8" ht="31.15" customHeight="1">
      <c r="A3" s="84" t="s">
        <v>55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8" ht="28.15" customHeight="1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8">
      <c r="A5" s="84" t="s">
        <v>52</v>
      </c>
      <c r="B5" s="20">
        <v>105</v>
      </c>
      <c r="C5" s="20">
        <v>429</v>
      </c>
      <c r="D5" s="20">
        <v>20</v>
      </c>
      <c r="E5" s="20">
        <v>514</v>
      </c>
      <c r="F5" s="20">
        <v>113</v>
      </c>
      <c r="G5" s="20">
        <v>421</v>
      </c>
    </row>
    <row r="6" spans="1:8">
      <c r="A6" s="84"/>
      <c r="B6" s="21">
        <v>0.19700000000000001</v>
      </c>
      <c r="C6" s="21">
        <v>0.80300000000000005</v>
      </c>
      <c r="D6" s="21">
        <v>3.6999999999999998E-2</v>
      </c>
      <c r="E6" s="21">
        <v>0.96299999999999997</v>
      </c>
      <c r="F6" s="21">
        <v>0.21199999999999999</v>
      </c>
      <c r="G6" s="21">
        <v>0.78800000000000003</v>
      </c>
    </row>
    <row r="7" spans="1:8" s="23" customFormat="1">
      <c r="A7" s="84" t="s">
        <v>53</v>
      </c>
      <c r="B7" s="20">
        <v>522</v>
      </c>
      <c r="C7" s="20">
        <v>2111</v>
      </c>
      <c r="D7" s="20">
        <v>89</v>
      </c>
      <c r="E7" s="20">
        <v>2544</v>
      </c>
      <c r="F7" s="20">
        <v>422</v>
      </c>
      <c r="G7" s="20">
        <v>2211</v>
      </c>
    </row>
    <row r="8" spans="1:8">
      <c r="A8" s="85"/>
      <c r="B8" s="21">
        <v>0.19800000000000001</v>
      </c>
      <c r="C8" s="21">
        <v>0.80200000000000005</v>
      </c>
      <c r="D8" s="21">
        <v>3.4000000000000002E-2</v>
      </c>
      <c r="E8" s="21">
        <v>0.96599999999999997</v>
      </c>
      <c r="F8" s="21">
        <v>0.16</v>
      </c>
      <c r="G8" s="21">
        <v>0.84</v>
      </c>
    </row>
    <row r="9" spans="1:8">
      <c r="A9" s="84" t="s">
        <v>54</v>
      </c>
      <c r="B9" s="20">
        <v>465</v>
      </c>
      <c r="C9" s="20">
        <v>2033</v>
      </c>
      <c r="D9" s="20">
        <v>78</v>
      </c>
      <c r="E9" s="20">
        <v>2420</v>
      </c>
      <c r="F9" s="20">
        <v>313</v>
      </c>
      <c r="G9" s="20">
        <v>2185</v>
      </c>
      <c r="H9" s="22"/>
    </row>
    <row r="10" spans="1:8">
      <c r="A10" s="85"/>
      <c r="B10" s="21">
        <v>0.186</v>
      </c>
      <c r="C10" s="21">
        <v>0.81399999999999995</v>
      </c>
      <c r="D10" s="21">
        <v>3.1E-2</v>
      </c>
      <c r="E10" s="21">
        <v>0.96899999999999997</v>
      </c>
      <c r="F10" s="21">
        <v>0.125</v>
      </c>
      <c r="G10" s="21">
        <v>0.875</v>
      </c>
    </row>
    <row r="11" spans="1:8">
      <c r="A11" s="75" t="s">
        <v>22</v>
      </c>
      <c r="B11" s="24">
        <v>1</v>
      </c>
      <c r="C11" s="24">
        <v>1</v>
      </c>
      <c r="D11" s="24">
        <v>0</v>
      </c>
      <c r="E11" s="24">
        <v>2</v>
      </c>
      <c r="F11" s="24">
        <v>0</v>
      </c>
      <c r="G11" s="24">
        <v>2</v>
      </c>
      <c r="H11" s="22"/>
    </row>
    <row r="12" spans="1:8">
      <c r="A12" s="83"/>
      <c r="B12" s="21">
        <v>0.5</v>
      </c>
      <c r="C12" s="21">
        <v>0.5</v>
      </c>
      <c r="D12" s="21">
        <v>0</v>
      </c>
      <c r="E12" s="21">
        <v>1</v>
      </c>
      <c r="F12" s="21">
        <v>0</v>
      </c>
      <c r="G12" s="21">
        <v>1</v>
      </c>
    </row>
    <row r="13" spans="1:8" s="23" customFormat="1" ht="13.9" customHeight="1">
      <c r="A13" s="75" t="s">
        <v>15</v>
      </c>
      <c r="B13" s="20">
        <v>1093</v>
      </c>
      <c r="C13" s="20">
        <v>4574</v>
      </c>
      <c r="D13" s="20">
        <v>187</v>
      </c>
      <c r="E13" s="20">
        <v>5480</v>
      </c>
      <c r="F13" s="20">
        <v>848</v>
      </c>
      <c r="G13" s="20">
        <v>4819</v>
      </c>
    </row>
    <row r="14" spans="1:8">
      <c r="A14" s="83"/>
      <c r="B14" s="21">
        <v>0.193</v>
      </c>
      <c r="C14" s="21">
        <v>0.80700000000000005</v>
      </c>
      <c r="D14" s="21">
        <v>3.3000000000000002E-2</v>
      </c>
      <c r="E14" s="21">
        <v>0.96699999999999997</v>
      </c>
      <c r="F14" s="21">
        <v>0.15</v>
      </c>
      <c r="G14" s="21">
        <v>0.85</v>
      </c>
    </row>
    <row r="15" spans="1:8">
      <c r="A15" s="50"/>
      <c r="B15" s="51"/>
      <c r="C15" s="51"/>
      <c r="D15" s="52"/>
      <c r="E15" s="52"/>
      <c r="F15" s="52"/>
      <c r="G15" s="52"/>
    </row>
    <row r="16" spans="1:8" ht="30" customHeight="1">
      <c r="A16" s="84" t="s">
        <v>55</v>
      </c>
      <c r="B16" s="82" t="s">
        <v>166</v>
      </c>
      <c r="C16" s="82"/>
      <c r="D16" s="52"/>
      <c r="E16" s="52"/>
      <c r="F16" s="52"/>
      <c r="G16" s="52"/>
    </row>
    <row r="17" spans="1:8">
      <c r="A17" s="84"/>
      <c r="B17" s="11" t="s">
        <v>180</v>
      </c>
      <c r="C17" s="11" t="s">
        <v>181</v>
      </c>
      <c r="D17" s="52"/>
      <c r="E17" s="52"/>
      <c r="F17" s="52"/>
      <c r="G17" s="52"/>
    </row>
    <row r="18" spans="1:8">
      <c r="A18" s="84" t="s">
        <v>52</v>
      </c>
      <c r="B18" s="20">
        <v>19</v>
      </c>
      <c r="C18" s="20">
        <v>515</v>
      </c>
      <c r="D18" s="52"/>
      <c r="E18" s="52"/>
      <c r="F18" s="52"/>
      <c r="G18" s="52"/>
    </row>
    <row r="19" spans="1:8">
      <c r="A19" s="84"/>
      <c r="B19" s="21">
        <v>3.5999999999999997E-2</v>
      </c>
      <c r="C19" s="21">
        <v>0.96399999999999997</v>
      </c>
      <c r="D19" s="52"/>
      <c r="E19" s="52"/>
      <c r="F19" s="52"/>
      <c r="G19" s="52"/>
    </row>
    <row r="20" spans="1:8">
      <c r="A20" s="84" t="s">
        <v>53</v>
      </c>
      <c r="B20" s="20">
        <v>58</v>
      </c>
      <c r="C20" s="20">
        <v>2575</v>
      </c>
      <c r="D20" s="52"/>
      <c r="E20" s="52"/>
      <c r="F20" s="52"/>
      <c r="G20" s="52"/>
    </row>
    <row r="21" spans="1:8">
      <c r="A21" s="85"/>
      <c r="B21" s="21">
        <v>2.1999999999999999E-2</v>
      </c>
      <c r="C21" s="21">
        <v>0.97799999999999998</v>
      </c>
      <c r="D21" s="52"/>
      <c r="E21" s="52"/>
      <c r="F21" s="52"/>
      <c r="G21" s="52"/>
    </row>
    <row r="22" spans="1:8">
      <c r="A22" s="84" t="s">
        <v>54</v>
      </c>
      <c r="B22" s="20">
        <v>54</v>
      </c>
      <c r="C22" s="20">
        <v>2444</v>
      </c>
      <c r="D22" s="52"/>
      <c r="E22" s="52"/>
      <c r="F22" s="52"/>
      <c r="G22" s="52"/>
    </row>
    <row r="23" spans="1:8">
      <c r="A23" s="85"/>
      <c r="B23" s="21">
        <v>2.1999999999999999E-2</v>
      </c>
      <c r="C23" s="21">
        <v>0.97799999999999998</v>
      </c>
      <c r="D23" s="52"/>
      <c r="E23" s="52"/>
      <c r="F23" s="52"/>
      <c r="G23" s="52"/>
    </row>
    <row r="24" spans="1:8">
      <c r="A24" s="75" t="s">
        <v>22</v>
      </c>
      <c r="B24" s="24">
        <v>0</v>
      </c>
      <c r="C24" s="24">
        <v>2</v>
      </c>
      <c r="D24" s="52"/>
      <c r="E24" s="52"/>
      <c r="F24" s="52"/>
      <c r="G24" s="52"/>
    </row>
    <row r="25" spans="1:8">
      <c r="A25" s="83"/>
      <c r="B25" s="21">
        <v>0</v>
      </c>
      <c r="C25" s="21">
        <v>1</v>
      </c>
      <c r="D25" s="52"/>
      <c r="E25" s="52"/>
      <c r="F25" s="52"/>
      <c r="G25" s="52"/>
    </row>
    <row r="26" spans="1:8">
      <c r="A26" s="75" t="s">
        <v>15</v>
      </c>
      <c r="B26" s="20">
        <v>131</v>
      </c>
      <c r="C26" s="20">
        <v>5536</v>
      </c>
      <c r="D26" s="52"/>
      <c r="E26" s="52"/>
      <c r="F26" s="52"/>
      <c r="G26" s="52"/>
    </row>
    <row r="27" spans="1:8">
      <c r="A27" s="83"/>
      <c r="B27" s="21">
        <v>2.3E-2</v>
      </c>
      <c r="C27" s="21">
        <v>0.97699999999999998</v>
      </c>
      <c r="D27" s="52"/>
      <c r="E27" s="52"/>
      <c r="F27" s="52"/>
      <c r="G27" s="52"/>
    </row>
    <row r="28" spans="1:8" ht="14.25" customHeight="1">
      <c r="A28" s="71" t="s">
        <v>302</v>
      </c>
      <c r="B28" s="71"/>
      <c r="C28" s="71"/>
      <c r="D28" s="14"/>
      <c r="E28" s="14"/>
      <c r="F28" s="14"/>
      <c r="G28" s="14"/>
      <c r="H28" s="22"/>
    </row>
    <row r="29" spans="1:8">
      <c r="A29" s="81"/>
      <c r="B29" s="81"/>
      <c r="C29" s="81"/>
    </row>
    <row r="30" spans="1:8">
      <c r="A30" s="81"/>
      <c r="B30" s="81"/>
      <c r="C30" s="81"/>
    </row>
    <row r="31" spans="1:8">
      <c r="A31" s="81"/>
      <c r="B31" s="81"/>
      <c r="C31" s="81"/>
    </row>
  </sheetData>
  <mergeCells count="17">
    <mergeCell ref="A9:A10"/>
    <mergeCell ref="A16:A17"/>
    <mergeCell ref="F3:G3"/>
    <mergeCell ref="A5:A6"/>
    <mergeCell ref="B16:C16"/>
    <mergeCell ref="A28:C31"/>
    <mergeCell ref="A3:A4"/>
    <mergeCell ref="B3:C3"/>
    <mergeCell ref="D3:E3"/>
    <mergeCell ref="A18:A19"/>
    <mergeCell ref="A20:A21"/>
    <mergeCell ref="A22:A23"/>
    <mergeCell ref="A24:A25"/>
    <mergeCell ref="A26:A27"/>
    <mergeCell ref="A7:A8"/>
    <mergeCell ref="A11:A12"/>
    <mergeCell ref="A13:A14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7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7">
      <c r="A1" s="70" t="s">
        <v>505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55</v>
      </c>
      <c r="B3" s="76" t="s">
        <v>124</v>
      </c>
      <c r="C3" s="76"/>
      <c r="D3" s="76"/>
      <c r="E3" s="76"/>
    </row>
    <row r="4" spans="1:17" ht="28.5">
      <c r="A4" s="84"/>
      <c r="B4" s="11" t="s">
        <v>193</v>
      </c>
      <c r="C4" s="11" t="s">
        <v>194</v>
      </c>
      <c r="D4" s="11" t="s">
        <v>22</v>
      </c>
      <c r="E4" s="11" t="s">
        <v>15</v>
      </c>
    </row>
    <row r="5" spans="1:17">
      <c r="A5" s="78" t="s">
        <v>52</v>
      </c>
      <c r="B5" s="20">
        <v>447</v>
      </c>
      <c r="C5" s="20">
        <v>105</v>
      </c>
      <c r="D5" s="20">
        <v>1</v>
      </c>
      <c r="E5" s="20">
        <v>553</v>
      </c>
    </row>
    <row r="6" spans="1:17">
      <c r="A6" s="77"/>
      <c r="B6" s="21">
        <v>0.80800000000000005</v>
      </c>
      <c r="C6" s="21">
        <v>0.19</v>
      </c>
      <c r="D6" s="21">
        <v>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53</v>
      </c>
      <c r="B7" s="20">
        <v>1973</v>
      </c>
      <c r="C7" s="20">
        <v>758</v>
      </c>
      <c r="D7" s="20">
        <v>9</v>
      </c>
      <c r="E7" s="20">
        <v>2740</v>
      </c>
    </row>
    <row r="8" spans="1:17">
      <c r="A8" s="79"/>
      <c r="B8" s="21">
        <v>0.72</v>
      </c>
      <c r="C8" s="21">
        <v>0.27700000000000002</v>
      </c>
      <c r="D8" s="21">
        <v>3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 s="23" customFormat="1">
      <c r="A9" s="78" t="s">
        <v>54</v>
      </c>
      <c r="B9" s="20">
        <v>1582</v>
      </c>
      <c r="C9" s="20">
        <v>1182</v>
      </c>
      <c r="D9" s="20">
        <v>10</v>
      </c>
      <c r="E9" s="20">
        <v>2774</v>
      </c>
    </row>
    <row r="10" spans="1:17">
      <c r="A10" s="79"/>
      <c r="B10" s="21">
        <v>0.56999999999999995</v>
      </c>
      <c r="C10" s="21">
        <v>0.42599999999999999</v>
      </c>
      <c r="D10" s="21">
        <v>4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3</v>
      </c>
      <c r="C11" s="24">
        <v>0</v>
      </c>
      <c r="D11" s="24">
        <v>0</v>
      </c>
      <c r="E11" s="24">
        <v>3</v>
      </c>
    </row>
    <row r="12" spans="1:17">
      <c r="A12" s="99"/>
      <c r="B12" s="21">
        <v>1</v>
      </c>
      <c r="C12" s="21">
        <v>0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4005</v>
      </c>
      <c r="C13" s="20">
        <v>2045</v>
      </c>
      <c r="D13" s="20">
        <v>20</v>
      </c>
      <c r="E13" s="20">
        <v>6070</v>
      </c>
    </row>
    <row r="14" spans="1:17">
      <c r="A14" s="74"/>
      <c r="B14" s="21">
        <v>0.66</v>
      </c>
      <c r="C14" s="21">
        <v>0.3370000000000000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71" t="s">
        <v>225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7">
      <c r="A16" s="81"/>
      <c r="B16" s="81"/>
      <c r="C16" s="81"/>
      <c r="D16" s="81"/>
      <c r="E16" s="81"/>
      <c r="J16" s="22"/>
      <c r="K16" s="22"/>
      <c r="L16" s="22"/>
      <c r="M16" s="22"/>
      <c r="N16" s="22"/>
      <c r="O16" s="2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8"/>
  <dimension ref="A1:Q17"/>
  <sheetViews>
    <sheetView workbookViewId="0">
      <selection activeCell="A2" sqref="A2"/>
    </sheetView>
  </sheetViews>
  <sheetFormatPr defaultColWidth="9" defaultRowHeight="14.25"/>
  <cols>
    <col min="1" max="1" width="23.625" style="18" customWidth="1"/>
    <col min="2" max="5" width="9" style="18" customWidth="1"/>
    <col min="6" max="16384" width="9" style="18"/>
  </cols>
  <sheetData>
    <row r="1" spans="1:17">
      <c r="A1" s="70" t="s">
        <v>506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55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52</v>
      </c>
      <c r="B5" s="20">
        <v>314</v>
      </c>
      <c r="C5" s="20">
        <v>123</v>
      </c>
      <c r="D5" s="20">
        <v>10</v>
      </c>
      <c r="E5" s="20">
        <v>447</v>
      </c>
    </row>
    <row r="6" spans="1:17">
      <c r="A6" s="77"/>
      <c r="B6" s="21">
        <v>0.70199999999999996</v>
      </c>
      <c r="C6" s="21">
        <v>0.27500000000000002</v>
      </c>
      <c r="D6" s="21">
        <v>2.1999999999999999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53</v>
      </c>
      <c r="B7" s="20">
        <v>1268</v>
      </c>
      <c r="C7" s="20">
        <v>658</v>
      </c>
      <c r="D7" s="20">
        <v>47</v>
      </c>
      <c r="E7" s="20">
        <v>1973</v>
      </c>
    </row>
    <row r="8" spans="1:17">
      <c r="A8" s="79"/>
      <c r="B8" s="21">
        <v>0.64300000000000002</v>
      </c>
      <c r="C8" s="21">
        <v>0.33400000000000002</v>
      </c>
      <c r="D8" s="21">
        <v>2.4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 s="23" customFormat="1">
      <c r="A9" s="78" t="s">
        <v>54</v>
      </c>
      <c r="B9" s="20">
        <v>872</v>
      </c>
      <c r="C9" s="20">
        <v>673</v>
      </c>
      <c r="D9" s="20">
        <v>37</v>
      </c>
      <c r="E9" s="20">
        <v>1582</v>
      </c>
    </row>
    <row r="10" spans="1:17">
      <c r="A10" s="79"/>
      <c r="B10" s="21">
        <v>0.55100000000000005</v>
      </c>
      <c r="C10" s="21">
        <v>0.42499999999999999</v>
      </c>
      <c r="D10" s="21">
        <v>2.3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0</v>
      </c>
      <c r="C11" s="24">
        <v>3</v>
      </c>
      <c r="D11" s="24">
        <v>0</v>
      </c>
      <c r="E11" s="24">
        <v>3</v>
      </c>
    </row>
    <row r="12" spans="1:17">
      <c r="A12" s="99"/>
      <c r="B12" s="21">
        <v>0</v>
      </c>
      <c r="C12" s="21">
        <v>1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2454</v>
      </c>
      <c r="C13" s="20">
        <v>1457</v>
      </c>
      <c r="D13" s="20">
        <v>94</v>
      </c>
      <c r="E13" s="20">
        <v>4005</v>
      </c>
    </row>
    <row r="14" spans="1:17">
      <c r="A14" s="74"/>
      <c r="B14" s="21">
        <v>0.61299999999999999</v>
      </c>
      <c r="C14" s="21">
        <v>0.36399999999999999</v>
      </c>
      <c r="D14" s="21">
        <v>2.3E-2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71" t="s">
        <v>216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7">
      <c r="A16" s="81"/>
      <c r="B16" s="81"/>
      <c r="C16" s="81"/>
      <c r="D16" s="81"/>
      <c r="E16" s="81"/>
      <c r="J16" s="22"/>
      <c r="K16" s="22"/>
      <c r="L16" s="22"/>
      <c r="M16" s="22"/>
      <c r="N16" s="22"/>
      <c r="O16" s="22"/>
    </row>
    <row r="17" spans="1:5">
      <c r="A17" s="81"/>
      <c r="B17" s="81"/>
      <c r="C17" s="81"/>
      <c r="D17" s="81"/>
      <c r="E17" s="81"/>
    </row>
  </sheetData>
  <mergeCells count="9">
    <mergeCell ref="A15:E17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9"/>
  <dimension ref="A1:S16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7" width="9" style="18" customWidth="1"/>
    <col min="8" max="16384" width="9" style="18"/>
  </cols>
  <sheetData>
    <row r="1" spans="1:19">
      <c r="A1" s="70" t="s">
        <v>507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600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94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8" t="s">
        <v>52</v>
      </c>
      <c r="B5" s="20">
        <v>44</v>
      </c>
      <c r="C5" s="20">
        <v>128</v>
      </c>
      <c r="D5" s="20">
        <v>151</v>
      </c>
      <c r="E5" s="20">
        <v>229</v>
      </c>
      <c r="F5" s="20">
        <v>1</v>
      </c>
      <c r="G5" s="20">
        <v>553</v>
      </c>
    </row>
    <row r="6" spans="1:19">
      <c r="A6" s="77"/>
      <c r="B6" s="21">
        <v>0.08</v>
      </c>
      <c r="C6" s="21">
        <v>0.23100000000000001</v>
      </c>
      <c r="D6" s="21">
        <v>0.27300000000000002</v>
      </c>
      <c r="E6" s="21">
        <v>0.41399999999999998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8" t="s">
        <v>53</v>
      </c>
      <c r="B7" s="20">
        <v>157</v>
      </c>
      <c r="C7" s="20">
        <v>611</v>
      </c>
      <c r="D7" s="20">
        <v>854</v>
      </c>
      <c r="E7" s="20">
        <v>1111</v>
      </c>
      <c r="F7" s="20">
        <v>7</v>
      </c>
      <c r="G7" s="20">
        <v>2740</v>
      </c>
    </row>
    <row r="8" spans="1:19">
      <c r="A8" s="79"/>
      <c r="B8" s="21">
        <v>5.7000000000000002E-2</v>
      </c>
      <c r="C8" s="21">
        <v>0.223</v>
      </c>
      <c r="D8" s="21">
        <v>0.312</v>
      </c>
      <c r="E8" s="21">
        <v>0.40500000000000003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 s="23" customFormat="1">
      <c r="A9" s="78" t="s">
        <v>54</v>
      </c>
      <c r="B9" s="20">
        <v>234</v>
      </c>
      <c r="C9" s="20">
        <v>685</v>
      </c>
      <c r="D9" s="20">
        <v>825</v>
      </c>
      <c r="E9" s="20">
        <v>1019</v>
      </c>
      <c r="F9" s="20">
        <v>11</v>
      </c>
      <c r="G9" s="20">
        <v>2774</v>
      </c>
    </row>
    <row r="10" spans="1:19">
      <c r="A10" s="79"/>
      <c r="B10" s="21">
        <v>8.4000000000000005E-2</v>
      </c>
      <c r="C10" s="21">
        <v>0.247</v>
      </c>
      <c r="D10" s="21">
        <v>0.29699999999999999</v>
      </c>
      <c r="E10" s="21">
        <v>0.36699999999999999</v>
      </c>
      <c r="F10" s="21">
        <v>4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0</v>
      </c>
      <c r="C11" s="24">
        <v>0</v>
      </c>
      <c r="D11" s="24">
        <v>1</v>
      </c>
      <c r="E11" s="24">
        <v>2</v>
      </c>
      <c r="F11" s="24">
        <v>0</v>
      </c>
      <c r="G11" s="24">
        <v>3</v>
      </c>
    </row>
    <row r="12" spans="1:19">
      <c r="A12" s="99"/>
      <c r="B12" s="21">
        <v>0</v>
      </c>
      <c r="C12" s="21">
        <v>0</v>
      </c>
      <c r="D12" s="21">
        <v>0.33300000000000002</v>
      </c>
      <c r="E12" s="21">
        <v>0.66700000000000004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435</v>
      </c>
      <c r="C13" s="20">
        <v>1424</v>
      </c>
      <c r="D13" s="20">
        <v>1831</v>
      </c>
      <c r="E13" s="20">
        <v>2361</v>
      </c>
      <c r="F13" s="20">
        <v>19</v>
      </c>
      <c r="G13" s="20">
        <v>6070</v>
      </c>
    </row>
    <row r="14" spans="1:19">
      <c r="A14" s="74"/>
      <c r="B14" s="21">
        <v>7.1999999999999995E-2</v>
      </c>
      <c r="C14" s="21">
        <v>0.23499999999999999</v>
      </c>
      <c r="D14" s="21">
        <v>0.30199999999999999</v>
      </c>
      <c r="E14" s="21">
        <v>0.38900000000000001</v>
      </c>
      <c r="F14" s="21">
        <v>3.000000000000000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80" t="s">
        <v>217</v>
      </c>
      <c r="B15" s="98"/>
      <c r="C15" s="98"/>
      <c r="D15" s="98"/>
      <c r="E15" s="98"/>
      <c r="F15" s="98"/>
      <c r="G15" s="98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0"/>
  <dimension ref="A1:R17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6" width="9" style="18" customWidth="1"/>
    <col min="7" max="16384" width="9" style="18"/>
  </cols>
  <sheetData>
    <row r="1" spans="1:18">
      <c r="A1" s="70" t="s">
        <v>508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55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8" t="s">
        <v>52</v>
      </c>
      <c r="B5" s="20">
        <v>55</v>
      </c>
      <c r="C5" s="20">
        <v>104</v>
      </c>
      <c r="D5" s="20">
        <v>392</v>
      </c>
      <c r="E5" s="20">
        <v>2</v>
      </c>
      <c r="F5" s="20">
        <v>553</v>
      </c>
    </row>
    <row r="6" spans="1:18">
      <c r="A6" s="77"/>
      <c r="B6" s="21">
        <v>9.9000000000000005E-2</v>
      </c>
      <c r="C6" s="21">
        <v>0.188</v>
      </c>
      <c r="D6" s="21">
        <v>0.70899999999999996</v>
      </c>
      <c r="E6" s="21">
        <v>4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53</v>
      </c>
      <c r="B7" s="20">
        <v>259</v>
      </c>
      <c r="C7" s="20">
        <v>545</v>
      </c>
      <c r="D7" s="20">
        <v>1919</v>
      </c>
      <c r="E7" s="20">
        <v>17</v>
      </c>
      <c r="F7" s="20">
        <v>2740</v>
      </c>
    </row>
    <row r="8" spans="1:18">
      <c r="A8" s="79"/>
      <c r="B8" s="21">
        <v>9.5000000000000001E-2</v>
      </c>
      <c r="C8" s="21">
        <v>0.19900000000000001</v>
      </c>
      <c r="D8" s="21">
        <v>0.7</v>
      </c>
      <c r="E8" s="21">
        <v>6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 s="23" customFormat="1">
      <c r="A9" s="78" t="s">
        <v>54</v>
      </c>
      <c r="B9" s="20">
        <v>278</v>
      </c>
      <c r="C9" s="20">
        <v>474</v>
      </c>
      <c r="D9" s="20">
        <v>2007</v>
      </c>
      <c r="E9" s="20">
        <v>15</v>
      </c>
      <c r="F9" s="20">
        <v>2774</v>
      </c>
    </row>
    <row r="10" spans="1:18">
      <c r="A10" s="79"/>
      <c r="B10" s="21">
        <v>0.1</v>
      </c>
      <c r="C10" s="21">
        <v>0.17100000000000001</v>
      </c>
      <c r="D10" s="21">
        <v>0.72399999999999998</v>
      </c>
      <c r="E10" s="21">
        <v>5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1</v>
      </c>
      <c r="C11" s="24">
        <v>0</v>
      </c>
      <c r="D11" s="24">
        <v>2</v>
      </c>
      <c r="E11" s="24">
        <v>0</v>
      </c>
      <c r="F11" s="24">
        <v>3</v>
      </c>
    </row>
    <row r="12" spans="1:18">
      <c r="A12" s="99"/>
      <c r="B12" s="21">
        <v>0.33300000000000002</v>
      </c>
      <c r="C12" s="21">
        <v>0</v>
      </c>
      <c r="D12" s="21">
        <v>0.66700000000000004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593</v>
      </c>
      <c r="C13" s="20">
        <v>1123</v>
      </c>
      <c r="D13" s="20">
        <v>4320</v>
      </c>
      <c r="E13" s="20">
        <v>34</v>
      </c>
      <c r="F13" s="20">
        <v>6070</v>
      </c>
    </row>
    <row r="14" spans="1:18">
      <c r="A14" s="74"/>
      <c r="B14" s="21">
        <v>9.8000000000000004E-2</v>
      </c>
      <c r="C14" s="21">
        <v>0.185</v>
      </c>
      <c r="D14" s="21">
        <v>0.71199999999999997</v>
      </c>
      <c r="E14" s="21">
        <v>6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71" t="s">
        <v>227</v>
      </c>
      <c r="B15" s="71"/>
      <c r="C15" s="71"/>
      <c r="D15" s="71"/>
      <c r="E15" s="71"/>
      <c r="F15" s="71"/>
      <c r="K15" s="22"/>
      <c r="L15" s="22"/>
      <c r="M15" s="22"/>
      <c r="N15" s="22"/>
      <c r="O15" s="22"/>
    </row>
    <row r="16" spans="1:18">
      <c r="A16" s="81"/>
      <c r="B16" s="81"/>
      <c r="C16" s="81"/>
      <c r="D16" s="81"/>
      <c r="E16" s="81"/>
      <c r="F16" s="81"/>
      <c r="K16" s="22"/>
      <c r="L16" s="22"/>
      <c r="M16" s="22"/>
      <c r="N16" s="22"/>
      <c r="O16" s="22"/>
      <c r="P16" s="22"/>
    </row>
    <row r="17" spans="1:6">
      <c r="A17" s="81"/>
      <c r="B17" s="81"/>
      <c r="C17" s="81"/>
      <c r="D17" s="81"/>
      <c r="E17" s="81"/>
      <c r="F17" s="81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1"/>
  <dimension ref="A1:R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09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55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8" t="s">
        <v>52</v>
      </c>
      <c r="B5" s="20">
        <v>227</v>
      </c>
      <c r="C5" s="20">
        <v>253</v>
      </c>
      <c r="D5" s="20">
        <v>71</v>
      </c>
      <c r="E5" s="20">
        <v>2</v>
      </c>
      <c r="F5" s="20">
        <v>553</v>
      </c>
    </row>
    <row r="6" spans="1:18">
      <c r="A6" s="77"/>
      <c r="B6" s="21">
        <v>0.41</v>
      </c>
      <c r="C6" s="21">
        <v>0.45800000000000002</v>
      </c>
      <c r="D6" s="21">
        <v>0.128</v>
      </c>
      <c r="E6" s="21">
        <v>4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53</v>
      </c>
      <c r="B7" s="20">
        <v>1155</v>
      </c>
      <c r="C7" s="20">
        <v>1213</v>
      </c>
      <c r="D7" s="20">
        <v>371</v>
      </c>
      <c r="E7" s="20">
        <v>1</v>
      </c>
      <c r="F7" s="20">
        <v>2740</v>
      </c>
    </row>
    <row r="8" spans="1:18">
      <c r="A8" s="79"/>
      <c r="B8" s="21">
        <v>0.42199999999999999</v>
      </c>
      <c r="C8" s="21">
        <v>0.443</v>
      </c>
      <c r="D8" s="21">
        <v>0.13500000000000001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 s="23" customFormat="1">
      <c r="A9" s="78" t="s">
        <v>54</v>
      </c>
      <c r="B9" s="20">
        <v>1073</v>
      </c>
      <c r="C9" s="20">
        <v>1199</v>
      </c>
      <c r="D9" s="20">
        <v>492</v>
      </c>
      <c r="E9" s="20">
        <v>10</v>
      </c>
      <c r="F9" s="20">
        <v>2774</v>
      </c>
    </row>
    <row r="10" spans="1:18">
      <c r="A10" s="79"/>
      <c r="B10" s="21">
        <v>0.38700000000000001</v>
      </c>
      <c r="C10" s="21">
        <v>0.432</v>
      </c>
      <c r="D10" s="21">
        <v>0.17699999999999999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2</v>
      </c>
      <c r="C11" s="24">
        <v>1</v>
      </c>
      <c r="D11" s="24">
        <v>0</v>
      </c>
      <c r="E11" s="24">
        <v>0</v>
      </c>
      <c r="F11" s="24">
        <v>3</v>
      </c>
    </row>
    <row r="12" spans="1:18">
      <c r="A12" s="99"/>
      <c r="B12" s="21">
        <v>0.66700000000000004</v>
      </c>
      <c r="C12" s="21">
        <v>0.33300000000000002</v>
      </c>
      <c r="D12" s="21">
        <v>0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2457</v>
      </c>
      <c r="C13" s="20">
        <v>2666</v>
      </c>
      <c r="D13" s="20">
        <v>934</v>
      </c>
      <c r="E13" s="20">
        <v>13</v>
      </c>
      <c r="F13" s="20">
        <v>6070</v>
      </c>
    </row>
    <row r="14" spans="1:18">
      <c r="A14" s="74"/>
      <c r="B14" s="21">
        <v>0.40500000000000003</v>
      </c>
      <c r="C14" s="21">
        <v>0.439</v>
      </c>
      <c r="D14" s="21">
        <v>0.154</v>
      </c>
      <c r="E14" s="21">
        <v>2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80" t="s">
        <v>261</v>
      </c>
      <c r="B15" s="98"/>
      <c r="C15" s="98"/>
      <c r="D15" s="98"/>
      <c r="E15" s="98"/>
      <c r="F15" s="98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2"/>
  <dimension ref="A1:S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10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55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9">
      <c r="A5" s="78" t="s">
        <v>52</v>
      </c>
      <c r="B5" s="20">
        <v>113</v>
      </c>
      <c r="C5" s="20">
        <v>57</v>
      </c>
      <c r="D5" s="20">
        <v>7</v>
      </c>
      <c r="E5" s="20">
        <v>49</v>
      </c>
      <c r="F5" s="20">
        <v>1</v>
      </c>
      <c r="G5" s="20">
        <v>227</v>
      </c>
    </row>
    <row r="6" spans="1:19">
      <c r="A6" s="77"/>
      <c r="B6" s="21">
        <v>0.498</v>
      </c>
      <c r="C6" s="21">
        <v>0.251</v>
      </c>
      <c r="D6" s="21">
        <v>3.1E-2</v>
      </c>
      <c r="E6" s="21">
        <v>0.216</v>
      </c>
      <c r="F6" s="21">
        <v>4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53</v>
      </c>
      <c r="B7" s="24">
        <v>530</v>
      </c>
      <c r="C7" s="24">
        <v>234</v>
      </c>
      <c r="D7" s="24">
        <v>44</v>
      </c>
      <c r="E7" s="24">
        <v>344</v>
      </c>
      <c r="F7" s="24">
        <v>3</v>
      </c>
      <c r="G7" s="20">
        <v>1155</v>
      </c>
      <c r="L7" s="22"/>
      <c r="M7" s="22"/>
      <c r="N7" s="22"/>
      <c r="O7" s="22"/>
      <c r="P7" s="22"/>
    </row>
    <row r="8" spans="1:19">
      <c r="A8" s="79"/>
      <c r="B8" s="21">
        <v>0.45900000000000002</v>
      </c>
      <c r="C8" s="21">
        <v>0.20300000000000001</v>
      </c>
      <c r="D8" s="21">
        <v>3.7999999999999999E-2</v>
      </c>
      <c r="E8" s="21">
        <v>0.29799999999999999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54</v>
      </c>
      <c r="B9" s="24">
        <v>461</v>
      </c>
      <c r="C9" s="24">
        <v>221</v>
      </c>
      <c r="D9" s="24">
        <v>33</v>
      </c>
      <c r="E9" s="24">
        <v>356</v>
      </c>
      <c r="F9" s="24">
        <v>2</v>
      </c>
      <c r="G9" s="20">
        <v>1073</v>
      </c>
      <c r="L9" s="22"/>
      <c r="M9" s="22"/>
      <c r="N9" s="22"/>
      <c r="O9" s="22"/>
      <c r="P9" s="22"/>
      <c r="Q9" s="22"/>
      <c r="R9" s="22"/>
      <c r="S9" s="22"/>
    </row>
    <row r="10" spans="1:19">
      <c r="A10" s="79"/>
      <c r="B10" s="21">
        <v>0.43</v>
      </c>
      <c r="C10" s="21">
        <v>0.20599999999999999</v>
      </c>
      <c r="D10" s="21">
        <v>3.1E-2</v>
      </c>
      <c r="E10" s="21">
        <v>0.33200000000000002</v>
      </c>
      <c r="F10" s="21">
        <v>2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1</v>
      </c>
      <c r="C11" s="24">
        <v>0</v>
      </c>
      <c r="D11" s="24">
        <v>0</v>
      </c>
      <c r="E11" s="24">
        <v>1</v>
      </c>
      <c r="F11" s="24">
        <v>0</v>
      </c>
      <c r="G11" s="24">
        <v>2</v>
      </c>
    </row>
    <row r="12" spans="1:19">
      <c r="A12" s="99"/>
      <c r="B12" s="21">
        <v>0.5</v>
      </c>
      <c r="C12" s="21">
        <v>0</v>
      </c>
      <c r="D12" s="21">
        <v>0</v>
      </c>
      <c r="E12" s="21">
        <v>0.5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89" t="s">
        <v>15</v>
      </c>
      <c r="B13" s="20">
        <v>1105</v>
      </c>
      <c r="C13" s="20">
        <v>512</v>
      </c>
      <c r="D13" s="20">
        <v>84</v>
      </c>
      <c r="E13" s="20">
        <v>750</v>
      </c>
      <c r="F13" s="20">
        <v>6</v>
      </c>
      <c r="G13" s="20">
        <v>2457</v>
      </c>
    </row>
    <row r="14" spans="1:19">
      <c r="A14" s="74"/>
      <c r="B14" s="21">
        <v>0.45</v>
      </c>
      <c r="C14" s="21">
        <v>0.20799999999999999</v>
      </c>
      <c r="D14" s="21">
        <v>3.4000000000000002E-2</v>
      </c>
      <c r="E14" s="21">
        <v>0.30499999999999999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91" t="s">
        <v>218</v>
      </c>
      <c r="B15" s="104"/>
      <c r="C15" s="104"/>
      <c r="D15" s="104"/>
      <c r="E15" s="104"/>
      <c r="F15" s="104"/>
      <c r="G15" s="104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"/>
  <dimension ref="A1:R25"/>
  <sheetViews>
    <sheetView workbookViewId="0">
      <selection activeCell="A2" sqref="A2"/>
    </sheetView>
  </sheetViews>
  <sheetFormatPr defaultColWidth="9" defaultRowHeight="14.25"/>
  <cols>
    <col min="1" max="2" width="9" style="18" customWidth="1"/>
    <col min="3" max="4" width="9.5" style="18" bestFit="1" customWidth="1"/>
    <col min="5" max="6" width="9" style="18" customWidth="1"/>
    <col min="7" max="16384" width="9" style="18"/>
  </cols>
  <sheetData>
    <row r="1" spans="1:18">
      <c r="A1" s="70" t="s">
        <v>28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136</v>
      </c>
      <c r="B3" s="76" t="s">
        <v>23</v>
      </c>
      <c r="C3" s="76"/>
      <c r="D3" s="76"/>
      <c r="E3" s="76"/>
      <c r="F3" s="76"/>
    </row>
    <row r="4" spans="1:18" ht="28.5">
      <c r="A4" s="75"/>
      <c r="B4" s="11" t="s">
        <v>205</v>
      </c>
      <c r="C4" s="11" t="s">
        <v>182</v>
      </c>
      <c r="D4" s="11" t="s">
        <v>21</v>
      </c>
      <c r="E4" s="11" t="s">
        <v>22</v>
      </c>
      <c r="F4" s="11" t="s">
        <v>15</v>
      </c>
    </row>
    <row r="5" spans="1:18">
      <c r="A5" s="73" t="s">
        <v>114</v>
      </c>
      <c r="B5" s="20">
        <v>985</v>
      </c>
      <c r="C5" s="20">
        <v>1613</v>
      </c>
      <c r="D5" s="20">
        <v>152</v>
      </c>
      <c r="E5" s="20">
        <v>10</v>
      </c>
      <c r="F5" s="20">
        <v>2760</v>
      </c>
    </row>
    <row r="6" spans="1:18">
      <c r="A6" s="77"/>
      <c r="B6" s="21">
        <v>0.35699999999999998</v>
      </c>
      <c r="C6" s="21">
        <v>0.58399999999999996</v>
      </c>
      <c r="D6" s="21">
        <v>5.5E-2</v>
      </c>
      <c r="E6" s="21">
        <v>4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15</v>
      </c>
      <c r="B7" s="20">
        <v>1724</v>
      </c>
      <c r="C7" s="20">
        <v>1475</v>
      </c>
      <c r="D7" s="20">
        <v>90</v>
      </c>
      <c r="E7" s="20">
        <v>5</v>
      </c>
      <c r="F7" s="20">
        <v>3294</v>
      </c>
    </row>
    <row r="8" spans="1:18">
      <c r="A8" s="74"/>
      <c r="B8" s="21">
        <v>0.52300000000000002</v>
      </c>
      <c r="C8" s="21">
        <v>0.44800000000000001</v>
      </c>
      <c r="D8" s="21">
        <v>2.7E-2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2</v>
      </c>
      <c r="B9" s="24">
        <v>5</v>
      </c>
      <c r="C9" s="24">
        <v>10</v>
      </c>
      <c r="D9" s="24">
        <v>1</v>
      </c>
      <c r="E9" s="24">
        <v>0</v>
      </c>
      <c r="F9" s="24">
        <v>16</v>
      </c>
      <c r="K9" s="22"/>
      <c r="L9" s="22"/>
      <c r="M9" s="22"/>
      <c r="N9" s="22"/>
      <c r="O9" s="22"/>
    </row>
    <row r="10" spans="1:18">
      <c r="A10" s="74"/>
      <c r="B10" s="21">
        <v>0.313</v>
      </c>
      <c r="C10" s="21">
        <v>0.625</v>
      </c>
      <c r="D10" s="21">
        <v>6.3E-2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8" t="s">
        <v>15</v>
      </c>
      <c r="B11" s="20">
        <v>2714</v>
      </c>
      <c r="C11" s="20">
        <v>3098</v>
      </c>
      <c r="D11" s="20">
        <v>243</v>
      </c>
      <c r="E11" s="20">
        <v>15</v>
      </c>
      <c r="F11" s="20">
        <v>6070</v>
      </c>
    </row>
    <row r="12" spans="1:18">
      <c r="A12" s="79"/>
      <c r="B12" s="21">
        <v>0.44700000000000001</v>
      </c>
      <c r="C12" s="21">
        <v>0.51</v>
      </c>
      <c r="D12" s="21">
        <v>0.04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18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  <c r="Q14" s="22"/>
      <c r="R14" s="22"/>
    </row>
    <row r="15" spans="1:18">
      <c r="K15" s="22"/>
      <c r="L15" s="22"/>
      <c r="M15" s="22"/>
      <c r="N15" s="22"/>
      <c r="O15" s="22"/>
    </row>
    <row r="16" spans="1:18">
      <c r="K16" s="22"/>
      <c r="L16" s="22"/>
      <c r="M16" s="22"/>
      <c r="N16" s="22"/>
      <c r="O16" s="22"/>
      <c r="P16" s="22"/>
      <c r="Q16" s="22"/>
      <c r="R16" s="22"/>
    </row>
    <row r="17" spans="11:18">
      <c r="K17" s="22"/>
      <c r="L17" s="22"/>
      <c r="M17" s="22"/>
      <c r="N17" s="22"/>
      <c r="O17" s="22"/>
    </row>
    <row r="18" spans="11:18">
      <c r="K18" s="22"/>
      <c r="L18" s="22"/>
      <c r="M18" s="22"/>
      <c r="N18" s="22"/>
      <c r="O18" s="22"/>
      <c r="P18" s="22"/>
      <c r="Q18" s="22"/>
      <c r="R18" s="22"/>
    </row>
    <row r="19" spans="11:18">
      <c r="K19" s="22"/>
      <c r="L19" s="22"/>
      <c r="M19" s="22"/>
      <c r="N19" s="22"/>
      <c r="O19" s="22"/>
    </row>
    <row r="20" spans="11:18">
      <c r="K20" s="22"/>
      <c r="L20" s="22"/>
      <c r="M20" s="22"/>
      <c r="N20" s="22"/>
      <c r="O20" s="22"/>
      <c r="P20" s="22"/>
      <c r="Q20" s="22"/>
      <c r="R20" s="22"/>
    </row>
    <row r="21" spans="11:18">
      <c r="K21" s="22"/>
      <c r="L21" s="22"/>
      <c r="M21" s="22"/>
      <c r="N21" s="22"/>
      <c r="O21" s="22"/>
    </row>
    <row r="22" spans="11:18">
      <c r="K22" s="22"/>
      <c r="L22" s="22"/>
      <c r="M22" s="22"/>
      <c r="N22" s="22"/>
      <c r="O22" s="22"/>
      <c r="P22" s="22"/>
      <c r="Q22" s="22"/>
      <c r="R22" s="22"/>
    </row>
    <row r="23" spans="11:18">
      <c r="K23" s="22"/>
      <c r="L23" s="22"/>
      <c r="M23" s="22"/>
      <c r="N23" s="22"/>
      <c r="O23" s="22"/>
    </row>
    <row r="24" spans="11:18">
      <c r="K24" s="22"/>
      <c r="L24" s="22"/>
      <c r="M24" s="22"/>
      <c r="N24" s="22"/>
      <c r="O24" s="22"/>
      <c r="P24" s="22"/>
      <c r="Q24" s="22"/>
      <c r="R24" s="22"/>
    </row>
    <row r="25" spans="11:18">
      <c r="K25" s="22"/>
      <c r="L25" s="22"/>
      <c r="M25" s="22"/>
      <c r="N25" s="22"/>
      <c r="O25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3"/>
  <dimension ref="A1:S20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4" width="9" style="18" customWidth="1"/>
    <col min="5" max="5" width="13.875" style="18" bestFit="1" customWidth="1"/>
    <col min="6" max="7" width="9" style="18" customWidth="1"/>
    <col min="8" max="16384" width="9" style="18"/>
  </cols>
  <sheetData>
    <row r="1" spans="1:19">
      <c r="A1" s="70" t="s">
        <v>511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601</v>
      </c>
      <c r="B3" s="76" t="s">
        <v>120</v>
      </c>
      <c r="C3" s="76"/>
      <c r="D3" s="76"/>
      <c r="E3" s="76"/>
      <c r="F3" s="76"/>
      <c r="G3" s="76"/>
    </row>
    <row r="4" spans="1:19" ht="42.75">
      <c r="A4" s="84"/>
      <c r="B4" s="11" t="s">
        <v>69</v>
      </c>
      <c r="C4" s="11" t="s">
        <v>53</v>
      </c>
      <c r="D4" s="11" t="s">
        <v>54</v>
      </c>
      <c r="E4" s="11" t="s">
        <v>190</v>
      </c>
      <c r="F4" s="11" t="s">
        <v>22</v>
      </c>
      <c r="G4" s="11" t="s">
        <v>15</v>
      </c>
    </row>
    <row r="5" spans="1:19">
      <c r="A5" s="78" t="s">
        <v>61</v>
      </c>
      <c r="B5" s="20">
        <v>330</v>
      </c>
      <c r="C5" s="20">
        <v>58</v>
      </c>
      <c r="D5" s="20">
        <v>30</v>
      </c>
      <c r="E5" s="20">
        <v>198</v>
      </c>
      <c r="F5" s="20">
        <v>1</v>
      </c>
      <c r="G5" s="20">
        <v>617</v>
      </c>
    </row>
    <row r="6" spans="1:19">
      <c r="A6" s="77"/>
      <c r="B6" s="21">
        <v>0.53500000000000003</v>
      </c>
      <c r="C6" s="21">
        <v>9.4E-2</v>
      </c>
      <c r="D6" s="21">
        <v>4.9000000000000002E-2</v>
      </c>
      <c r="E6" s="21">
        <v>0.32100000000000001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602</v>
      </c>
      <c r="B7" s="24">
        <v>678</v>
      </c>
      <c r="C7" s="24">
        <v>173</v>
      </c>
      <c r="D7" s="24">
        <v>83</v>
      </c>
      <c r="E7" s="24">
        <v>590</v>
      </c>
      <c r="F7" s="24">
        <v>6</v>
      </c>
      <c r="G7" s="20">
        <v>1530</v>
      </c>
      <c r="L7" s="22"/>
      <c r="M7" s="22"/>
      <c r="N7" s="22"/>
      <c r="O7" s="22"/>
      <c r="P7" s="22"/>
    </row>
    <row r="8" spans="1:19">
      <c r="A8" s="79"/>
      <c r="B8" s="21">
        <v>0.443</v>
      </c>
      <c r="C8" s="21">
        <v>0.113</v>
      </c>
      <c r="D8" s="21">
        <v>5.3999999999999999E-2</v>
      </c>
      <c r="E8" s="21">
        <v>0.38600000000000001</v>
      </c>
      <c r="F8" s="21">
        <v>4.0000000000000001E-3</v>
      </c>
      <c r="G8" s="21">
        <v>1</v>
      </c>
      <c r="L8" s="23"/>
      <c r="M8" s="22"/>
      <c r="N8" s="22"/>
      <c r="O8" s="22"/>
      <c r="P8" s="22"/>
      <c r="Q8" s="22"/>
      <c r="R8" s="22"/>
      <c r="S8" s="22"/>
    </row>
    <row r="9" spans="1:19">
      <c r="A9" s="78" t="s">
        <v>603</v>
      </c>
      <c r="B9" s="24">
        <v>462</v>
      </c>
      <c r="C9" s="24">
        <v>136</v>
      </c>
      <c r="D9" s="24">
        <v>66</v>
      </c>
      <c r="E9" s="24">
        <v>469</v>
      </c>
      <c r="F9" s="24">
        <v>2</v>
      </c>
      <c r="G9" s="20">
        <v>1135</v>
      </c>
      <c r="L9" s="22"/>
      <c r="M9" s="22"/>
      <c r="N9" s="22"/>
      <c r="O9" s="22"/>
      <c r="P9" s="22"/>
      <c r="Q9" s="22"/>
      <c r="R9" s="22"/>
      <c r="S9" s="22"/>
    </row>
    <row r="10" spans="1:19">
      <c r="A10" s="79"/>
      <c r="B10" s="21">
        <v>0.40699999999999997</v>
      </c>
      <c r="C10" s="21">
        <v>0.12</v>
      </c>
      <c r="D10" s="21">
        <v>5.8000000000000003E-2</v>
      </c>
      <c r="E10" s="21">
        <v>0.41299999999999998</v>
      </c>
      <c r="F10" s="21">
        <v>2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62</v>
      </c>
      <c r="B11" s="20">
        <v>619</v>
      </c>
      <c r="C11" s="20">
        <v>141</v>
      </c>
      <c r="D11" s="20">
        <v>135</v>
      </c>
      <c r="E11" s="20">
        <v>920</v>
      </c>
      <c r="F11" s="20">
        <v>1</v>
      </c>
      <c r="G11" s="20">
        <v>1816</v>
      </c>
      <c r="L11" s="22"/>
      <c r="M11" s="22"/>
      <c r="N11" s="22"/>
      <c r="O11" s="22"/>
      <c r="P11" s="22"/>
      <c r="Q11" s="22"/>
      <c r="R11" s="22"/>
      <c r="S11" s="22"/>
    </row>
    <row r="12" spans="1:19">
      <c r="A12" s="77"/>
      <c r="B12" s="21">
        <v>0.34100000000000003</v>
      </c>
      <c r="C12" s="21">
        <v>7.8E-2</v>
      </c>
      <c r="D12" s="21">
        <v>7.3999999999999996E-2</v>
      </c>
      <c r="E12" s="21">
        <v>0.50700000000000001</v>
      </c>
      <c r="F12" s="21">
        <v>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8" t="s">
        <v>63</v>
      </c>
      <c r="B13" s="24">
        <v>315</v>
      </c>
      <c r="C13" s="24">
        <v>54</v>
      </c>
      <c r="D13" s="24">
        <v>53</v>
      </c>
      <c r="E13" s="24">
        <v>547</v>
      </c>
      <c r="F13" s="24">
        <v>1</v>
      </c>
      <c r="G13" s="20">
        <v>970</v>
      </c>
      <c r="L13" s="22"/>
      <c r="M13" s="22"/>
      <c r="N13" s="22"/>
      <c r="O13" s="22"/>
      <c r="P13" s="22"/>
      <c r="Q13" s="22"/>
      <c r="R13" s="22"/>
      <c r="S13" s="22"/>
    </row>
    <row r="14" spans="1:19">
      <c r="A14" s="79"/>
      <c r="B14" s="21">
        <v>0.32500000000000001</v>
      </c>
      <c r="C14" s="21">
        <v>5.6000000000000001E-2</v>
      </c>
      <c r="D14" s="21">
        <v>5.5E-2</v>
      </c>
      <c r="E14" s="21">
        <v>0.56399999999999995</v>
      </c>
      <c r="F14" s="21">
        <v>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95" t="s">
        <v>22</v>
      </c>
      <c r="B15" s="24">
        <v>0</v>
      </c>
      <c r="C15" s="24">
        <v>0</v>
      </c>
      <c r="D15" s="24">
        <v>1</v>
      </c>
      <c r="E15" s="24">
        <v>0</v>
      </c>
      <c r="F15" s="24">
        <v>1</v>
      </c>
      <c r="G15" s="24">
        <v>2</v>
      </c>
    </row>
    <row r="16" spans="1:19">
      <c r="A16" s="99"/>
      <c r="B16" s="21">
        <v>0</v>
      </c>
      <c r="C16" s="21">
        <v>0</v>
      </c>
      <c r="D16" s="21">
        <v>0.5</v>
      </c>
      <c r="E16" s="21">
        <v>0</v>
      </c>
      <c r="F16" s="21">
        <v>0.5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9" s="23" customFormat="1">
      <c r="A17" s="89" t="s">
        <v>15</v>
      </c>
      <c r="B17" s="20">
        <v>2404</v>
      </c>
      <c r="C17" s="20">
        <v>562</v>
      </c>
      <c r="D17" s="20">
        <v>368</v>
      </c>
      <c r="E17" s="20">
        <v>2724</v>
      </c>
      <c r="F17" s="20">
        <v>12</v>
      </c>
      <c r="G17" s="20">
        <v>6070</v>
      </c>
    </row>
    <row r="18" spans="1:19">
      <c r="A18" s="74"/>
      <c r="B18" s="21">
        <v>0.39600000000000002</v>
      </c>
      <c r="C18" s="21">
        <v>9.2999999999999999E-2</v>
      </c>
      <c r="D18" s="21">
        <v>6.0999999999999999E-2</v>
      </c>
      <c r="E18" s="21">
        <v>0.44900000000000001</v>
      </c>
      <c r="F18" s="21">
        <v>2E-3</v>
      </c>
      <c r="G18" s="21">
        <v>1</v>
      </c>
      <c r="L18" s="22"/>
      <c r="M18" s="22"/>
      <c r="N18" s="22"/>
      <c r="O18" s="22"/>
      <c r="P18" s="22"/>
      <c r="Q18" s="22"/>
      <c r="R18" s="22"/>
      <c r="S18" s="22"/>
    </row>
    <row r="19" spans="1:19">
      <c r="A19" s="80" t="s">
        <v>71</v>
      </c>
      <c r="B19" s="80"/>
      <c r="C19" s="80"/>
      <c r="D19" s="80"/>
      <c r="E19" s="80"/>
      <c r="F19" s="80"/>
      <c r="G19" s="80"/>
      <c r="L19" s="22"/>
      <c r="M19" s="22"/>
      <c r="N19" s="22"/>
      <c r="O19" s="22"/>
      <c r="P19" s="22"/>
    </row>
    <row r="20" spans="1:19">
      <c r="A20" s="86"/>
      <c r="B20" s="86"/>
      <c r="C20" s="86"/>
      <c r="D20" s="86"/>
      <c r="E20" s="86"/>
      <c r="F20" s="86"/>
      <c r="G20" s="86"/>
      <c r="L20" s="22"/>
      <c r="M20" s="22"/>
      <c r="N20" s="22"/>
      <c r="O20" s="22"/>
      <c r="P20" s="22"/>
      <c r="Q20" s="22"/>
    </row>
  </sheetData>
  <mergeCells count="11">
    <mergeCell ref="A15:A16"/>
    <mergeCell ref="A17:A18"/>
    <mergeCell ref="A11:A12"/>
    <mergeCell ref="A13:A14"/>
    <mergeCell ref="A19:G20"/>
    <mergeCell ref="A9:A10"/>
    <mergeCell ref="A1:G1"/>
    <mergeCell ref="A3:A4"/>
    <mergeCell ref="B3:G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4"/>
  <dimension ref="A1:R20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12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601</v>
      </c>
      <c r="B3" s="76" t="s">
        <v>121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>
      <c r="A5" s="78" t="s">
        <v>61</v>
      </c>
      <c r="B5" s="20">
        <v>244</v>
      </c>
      <c r="C5" s="20">
        <v>177</v>
      </c>
      <c r="D5" s="20">
        <v>193</v>
      </c>
      <c r="E5" s="20">
        <v>3</v>
      </c>
      <c r="F5" s="20">
        <v>617</v>
      </c>
    </row>
    <row r="6" spans="1:18">
      <c r="A6" s="77"/>
      <c r="B6" s="21">
        <v>0.39500000000000002</v>
      </c>
      <c r="C6" s="21">
        <v>0.28699999999999998</v>
      </c>
      <c r="D6" s="21">
        <v>0.313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602</v>
      </c>
      <c r="B7" s="24">
        <v>475</v>
      </c>
      <c r="C7" s="24">
        <v>500</v>
      </c>
      <c r="D7" s="24">
        <v>551</v>
      </c>
      <c r="E7" s="24">
        <v>4</v>
      </c>
      <c r="F7" s="20">
        <v>1530</v>
      </c>
      <c r="K7" s="22"/>
      <c r="L7" s="22"/>
      <c r="M7" s="22"/>
      <c r="N7" s="22"/>
      <c r="O7" s="22"/>
    </row>
    <row r="8" spans="1:18">
      <c r="A8" s="79"/>
      <c r="B8" s="21">
        <v>0.31</v>
      </c>
      <c r="C8" s="21">
        <v>0.32700000000000001</v>
      </c>
      <c r="D8" s="21">
        <v>0.36</v>
      </c>
      <c r="E8" s="21">
        <v>3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603</v>
      </c>
      <c r="B9" s="24">
        <v>307</v>
      </c>
      <c r="C9" s="24">
        <v>431</v>
      </c>
      <c r="D9" s="24">
        <v>397</v>
      </c>
      <c r="E9" s="24">
        <v>0</v>
      </c>
      <c r="F9" s="20">
        <v>1135</v>
      </c>
      <c r="K9" s="22"/>
      <c r="L9" s="22"/>
      <c r="M9" s="22"/>
      <c r="N9" s="22"/>
      <c r="O9" s="22"/>
      <c r="P9" s="22"/>
      <c r="Q9" s="22"/>
      <c r="R9" s="22"/>
    </row>
    <row r="10" spans="1:18">
      <c r="A10" s="79"/>
      <c r="B10" s="21">
        <v>0.27</v>
      </c>
      <c r="C10" s="21">
        <v>0.38</v>
      </c>
      <c r="D10" s="21">
        <v>0.35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62</v>
      </c>
      <c r="B11" s="20">
        <v>387</v>
      </c>
      <c r="C11" s="20">
        <v>745</v>
      </c>
      <c r="D11" s="20">
        <v>684</v>
      </c>
      <c r="E11" s="20">
        <v>0</v>
      </c>
      <c r="F11" s="20">
        <v>1816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0.21299999999999999</v>
      </c>
      <c r="C12" s="21">
        <v>0.41</v>
      </c>
      <c r="D12" s="21">
        <v>0.377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8" t="s">
        <v>63</v>
      </c>
      <c r="B13" s="24">
        <v>251</v>
      </c>
      <c r="C13" s="24">
        <v>283</v>
      </c>
      <c r="D13" s="24">
        <v>435</v>
      </c>
      <c r="E13" s="24">
        <v>1</v>
      </c>
      <c r="F13" s="20">
        <v>970</v>
      </c>
      <c r="K13" s="22"/>
      <c r="L13" s="22"/>
      <c r="M13" s="22"/>
      <c r="N13" s="22"/>
      <c r="O13" s="22"/>
      <c r="P13" s="22"/>
      <c r="Q13" s="22"/>
      <c r="R13" s="22"/>
    </row>
    <row r="14" spans="1:18">
      <c r="A14" s="79"/>
      <c r="B14" s="21">
        <v>0.25900000000000001</v>
      </c>
      <c r="C14" s="21">
        <v>0.29199999999999998</v>
      </c>
      <c r="D14" s="21">
        <v>0.44800000000000001</v>
      </c>
      <c r="E14" s="21">
        <v>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95" t="s">
        <v>22</v>
      </c>
      <c r="B15" s="24">
        <v>1</v>
      </c>
      <c r="C15" s="24">
        <v>0</v>
      </c>
      <c r="D15" s="24">
        <v>0</v>
      </c>
      <c r="E15" s="24">
        <v>1</v>
      </c>
      <c r="F15" s="24">
        <v>2</v>
      </c>
    </row>
    <row r="16" spans="1:18">
      <c r="A16" s="99"/>
      <c r="B16" s="21">
        <v>0.5</v>
      </c>
      <c r="C16" s="21">
        <v>0</v>
      </c>
      <c r="D16" s="21">
        <v>0</v>
      </c>
      <c r="E16" s="21">
        <v>0.5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 s="23" customFormat="1">
      <c r="A17" s="89" t="s">
        <v>15</v>
      </c>
      <c r="B17" s="20">
        <v>1665</v>
      </c>
      <c r="C17" s="20">
        <v>2136</v>
      </c>
      <c r="D17" s="20">
        <v>2260</v>
      </c>
      <c r="E17" s="20">
        <v>9</v>
      </c>
      <c r="F17" s="20">
        <v>6070</v>
      </c>
    </row>
    <row r="18" spans="1:18">
      <c r="A18" s="74"/>
      <c r="B18" s="21">
        <v>0.27400000000000002</v>
      </c>
      <c r="C18" s="21">
        <v>0.35199999999999998</v>
      </c>
      <c r="D18" s="21">
        <v>0.372</v>
      </c>
      <c r="E18" s="21">
        <v>1E-3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 ht="14.25" customHeight="1">
      <c r="A19" s="90" t="s">
        <v>75</v>
      </c>
      <c r="B19" s="90"/>
      <c r="C19" s="90"/>
      <c r="D19" s="90"/>
      <c r="E19" s="90"/>
      <c r="F19" s="90"/>
      <c r="K19" s="22"/>
      <c r="L19" s="22"/>
      <c r="M19" s="22"/>
      <c r="N19" s="22"/>
      <c r="O19" s="22"/>
    </row>
    <row r="20" spans="1:18">
      <c r="A20" s="93"/>
      <c r="B20" s="93"/>
      <c r="C20" s="93"/>
      <c r="D20" s="93"/>
      <c r="E20" s="93"/>
      <c r="F20" s="93"/>
      <c r="K20" s="22"/>
      <c r="L20" s="22"/>
      <c r="M20" s="22"/>
      <c r="N20" s="22"/>
      <c r="O20" s="22"/>
      <c r="P20" s="22"/>
    </row>
  </sheetData>
  <mergeCells count="11">
    <mergeCell ref="A11:A12"/>
    <mergeCell ref="A13:A14"/>
    <mergeCell ref="A15:A16"/>
    <mergeCell ref="A17:A18"/>
    <mergeCell ref="A19:F20"/>
    <mergeCell ref="A9:A10"/>
    <mergeCell ref="A1:F1"/>
    <mergeCell ref="A3:A4"/>
    <mergeCell ref="B3:F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5"/>
  <dimension ref="A1:R20"/>
  <sheetViews>
    <sheetView workbookViewId="0">
      <selection activeCell="A2" sqref="A2"/>
    </sheetView>
  </sheetViews>
  <sheetFormatPr defaultColWidth="9" defaultRowHeight="14.25"/>
  <cols>
    <col min="1" max="1" width="21.625" style="18" bestFit="1" customWidth="1"/>
    <col min="2" max="3" width="9" style="18" customWidth="1"/>
    <col min="4" max="4" width="11.625" style="18" bestFit="1" customWidth="1"/>
    <col min="5" max="6" width="9" style="18" customWidth="1"/>
    <col min="7" max="16384" width="9" style="18"/>
  </cols>
  <sheetData>
    <row r="1" spans="1:18">
      <c r="A1" s="70" t="s">
        <v>513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59</v>
      </c>
      <c r="B3" s="76" t="s">
        <v>122</v>
      </c>
      <c r="C3" s="76"/>
      <c r="D3" s="76"/>
      <c r="E3" s="76"/>
      <c r="F3" s="76"/>
    </row>
    <row r="4" spans="1:18">
      <c r="A4" s="84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8">
      <c r="A5" s="78" t="s">
        <v>61</v>
      </c>
      <c r="B5" s="20">
        <v>375</v>
      </c>
      <c r="C5" s="20">
        <v>45</v>
      </c>
      <c r="D5" s="20">
        <v>194</v>
      </c>
      <c r="E5" s="20">
        <v>3</v>
      </c>
      <c r="F5" s="20">
        <v>617</v>
      </c>
    </row>
    <row r="6" spans="1:18">
      <c r="A6" s="77"/>
      <c r="B6" s="21">
        <v>0.60799999999999998</v>
      </c>
      <c r="C6" s="21">
        <v>7.2999999999999995E-2</v>
      </c>
      <c r="D6" s="21">
        <v>0.314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56</v>
      </c>
      <c r="B7" s="24">
        <v>890</v>
      </c>
      <c r="C7" s="24">
        <v>108</v>
      </c>
      <c r="D7" s="24">
        <v>530</v>
      </c>
      <c r="E7" s="24">
        <v>2</v>
      </c>
      <c r="F7" s="20">
        <v>1530</v>
      </c>
      <c r="K7" s="22"/>
      <c r="L7" s="22"/>
      <c r="M7" s="22"/>
      <c r="N7" s="22"/>
      <c r="O7" s="22"/>
    </row>
    <row r="8" spans="1:18">
      <c r="A8" s="79"/>
      <c r="B8" s="21">
        <v>0.58199999999999996</v>
      </c>
      <c r="C8" s="21">
        <v>7.0999999999999994E-2</v>
      </c>
      <c r="D8" s="21">
        <v>0.34599999999999997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157</v>
      </c>
      <c r="B9" s="24">
        <v>635</v>
      </c>
      <c r="C9" s="24">
        <v>70</v>
      </c>
      <c r="D9" s="24">
        <v>426</v>
      </c>
      <c r="E9" s="24">
        <v>4</v>
      </c>
      <c r="F9" s="20">
        <v>1135</v>
      </c>
      <c r="K9" s="22"/>
      <c r="L9" s="22"/>
      <c r="M9" s="22"/>
      <c r="N9" s="22"/>
      <c r="O9" s="22"/>
      <c r="P9" s="22"/>
      <c r="Q9" s="22"/>
      <c r="R9" s="22"/>
    </row>
    <row r="10" spans="1:18">
      <c r="A10" s="79"/>
      <c r="B10" s="21">
        <v>0.55900000000000005</v>
      </c>
      <c r="C10" s="21">
        <v>6.2E-2</v>
      </c>
      <c r="D10" s="21">
        <v>0.375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62</v>
      </c>
      <c r="B11" s="20">
        <v>896</v>
      </c>
      <c r="C11" s="20">
        <v>183</v>
      </c>
      <c r="D11" s="20">
        <v>734</v>
      </c>
      <c r="E11" s="20">
        <v>3</v>
      </c>
      <c r="F11" s="20">
        <v>1816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0.49299999999999999</v>
      </c>
      <c r="C12" s="21">
        <v>0.10100000000000001</v>
      </c>
      <c r="D12" s="21">
        <v>0.40400000000000003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8" t="s">
        <v>63</v>
      </c>
      <c r="B13" s="24">
        <v>466</v>
      </c>
      <c r="C13" s="24">
        <v>66</v>
      </c>
      <c r="D13" s="24">
        <v>431</v>
      </c>
      <c r="E13" s="24">
        <v>7</v>
      </c>
      <c r="F13" s="20">
        <v>970</v>
      </c>
      <c r="K13" s="22"/>
      <c r="L13" s="22"/>
      <c r="M13" s="22"/>
      <c r="N13" s="22"/>
      <c r="O13" s="22"/>
      <c r="P13" s="22"/>
      <c r="Q13" s="22"/>
      <c r="R13" s="22"/>
    </row>
    <row r="14" spans="1:18">
      <c r="A14" s="79"/>
      <c r="B14" s="21">
        <v>0.48</v>
      </c>
      <c r="C14" s="21">
        <v>6.8000000000000005E-2</v>
      </c>
      <c r="D14" s="21">
        <v>0.44400000000000001</v>
      </c>
      <c r="E14" s="21">
        <v>7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95" t="s">
        <v>22</v>
      </c>
      <c r="B15" s="24">
        <v>1</v>
      </c>
      <c r="C15" s="24">
        <v>0</v>
      </c>
      <c r="D15" s="24">
        <v>0</v>
      </c>
      <c r="E15" s="24">
        <v>1</v>
      </c>
      <c r="F15" s="24">
        <v>2</v>
      </c>
    </row>
    <row r="16" spans="1:18">
      <c r="A16" s="99"/>
      <c r="B16" s="21">
        <v>0.5</v>
      </c>
      <c r="C16" s="21">
        <v>0</v>
      </c>
      <c r="D16" s="21">
        <v>0</v>
      </c>
      <c r="E16" s="21">
        <v>0.5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 s="23" customFormat="1">
      <c r="A17" s="89" t="s">
        <v>15</v>
      </c>
      <c r="B17" s="20">
        <v>3263</v>
      </c>
      <c r="C17" s="20">
        <v>472</v>
      </c>
      <c r="D17" s="20">
        <v>2315</v>
      </c>
      <c r="E17" s="20">
        <v>20</v>
      </c>
      <c r="F17" s="20">
        <v>6070</v>
      </c>
    </row>
    <row r="18" spans="1:18">
      <c r="A18" s="74"/>
      <c r="B18" s="21">
        <v>0.53800000000000003</v>
      </c>
      <c r="C18" s="21">
        <v>7.8E-2</v>
      </c>
      <c r="D18" s="21">
        <v>0.38100000000000001</v>
      </c>
      <c r="E18" s="21">
        <v>3.0000000000000001E-3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 ht="14.25" customHeight="1">
      <c r="A19" s="91" t="s">
        <v>239</v>
      </c>
      <c r="B19" s="91"/>
      <c r="C19" s="91"/>
      <c r="D19" s="91"/>
      <c r="E19" s="91"/>
      <c r="F19" s="91"/>
      <c r="K19" s="22"/>
      <c r="L19" s="22"/>
      <c r="M19" s="22"/>
      <c r="N19" s="22"/>
      <c r="O19" s="22"/>
    </row>
    <row r="20" spans="1:18">
      <c r="A20" s="105"/>
      <c r="B20" s="105"/>
      <c r="C20" s="105"/>
      <c r="D20" s="105"/>
      <c r="E20" s="105"/>
      <c r="F20" s="105"/>
      <c r="K20" s="22"/>
      <c r="L20" s="22"/>
      <c r="M20" s="22"/>
      <c r="N20" s="22"/>
      <c r="O20" s="22"/>
      <c r="P20" s="22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2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6"/>
  <dimension ref="A1:Q20"/>
  <sheetViews>
    <sheetView workbookViewId="0">
      <selection activeCell="A2" sqref="A2"/>
    </sheetView>
  </sheetViews>
  <sheetFormatPr defaultColWidth="9" defaultRowHeight="14.25"/>
  <cols>
    <col min="1" max="1" width="21.625" style="18" bestFit="1" customWidth="1"/>
    <col min="2" max="5" width="9" style="18" customWidth="1"/>
    <col min="6" max="16384" width="9" style="18"/>
  </cols>
  <sheetData>
    <row r="1" spans="1:17">
      <c r="A1" s="70" t="s">
        <v>51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59</v>
      </c>
      <c r="B3" s="76" t="s">
        <v>123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61</v>
      </c>
      <c r="B5" s="20">
        <v>581</v>
      </c>
      <c r="C5" s="20">
        <v>35</v>
      </c>
      <c r="D5" s="20">
        <v>1</v>
      </c>
      <c r="E5" s="20">
        <v>617</v>
      </c>
    </row>
    <row r="6" spans="1:17">
      <c r="A6" s="77"/>
      <c r="B6" s="21">
        <v>0.94199999999999995</v>
      </c>
      <c r="C6" s="21">
        <v>5.7000000000000002E-2</v>
      </c>
      <c r="D6" s="21">
        <v>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156</v>
      </c>
      <c r="B7" s="20">
        <v>1456</v>
      </c>
      <c r="C7" s="20">
        <v>72</v>
      </c>
      <c r="D7" s="20">
        <v>2</v>
      </c>
      <c r="E7" s="20">
        <v>1530</v>
      </c>
    </row>
    <row r="8" spans="1:17">
      <c r="A8" s="79"/>
      <c r="B8" s="21">
        <v>0.95199999999999996</v>
      </c>
      <c r="C8" s="21">
        <v>4.7E-2</v>
      </c>
      <c r="D8" s="21">
        <v>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 s="23" customFormat="1">
      <c r="A9" s="78" t="s">
        <v>157</v>
      </c>
      <c r="B9" s="20">
        <v>1081</v>
      </c>
      <c r="C9" s="20">
        <v>49</v>
      </c>
      <c r="D9" s="20">
        <v>5</v>
      </c>
      <c r="E9" s="20">
        <v>1135</v>
      </c>
    </row>
    <row r="10" spans="1:17">
      <c r="A10" s="79"/>
      <c r="B10" s="21">
        <v>0.95199999999999996</v>
      </c>
      <c r="C10" s="21">
        <v>4.2999999999999997E-2</v>
      </c>
      <c r="D10" s="21">
        <v>4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62</v>
      </c>
      <c r="B11" s="20">
        <v>1666</v>
      </c>
      <c r="C11" s="20">
        <v>146</v>
      </c>
      <c r="D11" s="20">
        <v>4</v>
      </c>
      <c r="E11" s="20">
        <v>1816</v>
      </c>
      <c r="J11" s="22"/>
      <c r="K11" s="22"/>
      <c r="L11" s="22"/>
      <c r="M11" s="22"/>
      <c r="N11" s="22"/>
      <c r="O11" s="22"/>
      <c r="P11" s="22"/>
      <c r="Q11" s="22"/>
    </row>
    <row r="12" spans="1:17">
      <c r="A12" s="77"/>
      <c r="B12" s="21">
        <v>0.91700000000000004</v>
      </c>
      <c r="C12" s="21">
        <v>0.08</v>
      </c>
      <c r="D12" s="21">
        <v>2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8" t="s">
        <v>63</v>
      </c>
      <c r="B13" s="24">
        <v>882</v>
      </c>
      <c r="C13" s="24">
        <v>84</v>
      </c>
      <c r="D13" s="24">
        <v>4</v>
      </c>
      <c r="E13" s="20">
        <v>970</v>
      </c>
      <c r="J13" s="22"/>
      <c r="K13" s="22"/>
      <c r="L13" s="22"/>
      <c r="M13" s="22"/>
      <c r="N13" s="22"/>
      <c r="O13" s="22"/>
      <c r="P13" s="22"/>
      <c r="Q13" s="22"/>
    </row>
    <row r="14" spans="1:17">
      <c r="A14" s="79"/>
      <c r="B14" s="21">
        <v>0.90900000000000003</v>
      </c>
      <c r="C14" s="21">
        <v>8.6999999999999994E-2</v>
      </c>
      <c r="D14" s="21">
        <v>4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95" t="s">
        <v>22</v>
      </c>
      <c r="B15" s="24">
        <v>1</v>
      </c>
      <c r="C15" s="24">
        <v>0</v>
      </c>
      <c r="D15" s="24">
        <v>1</v>
      </c>
      <c r="E15" s="24">
        <v>2</v>
      </c>
    </row>
    <row r="16" spans="1:17">
      <c r="A16" s="99"/>
      <c r="B16" s="21">
        <v>0.5</v>
      </c>
      <c r="C16" s="21">
        <v>0</v>
      </c>
      <c r="D16" s="21">
        <v>0.5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7" s="23" customFormat="1">
      <c r="A17" s="73" t="s">
        <v>15</v>
      </c>
      <c r="B17" s="20">
        <v>5667</v>
      </c>
      <c r="C17" s="20">
        <v>386</v>
      </c>
      <c r="D17" s="20">
        <v>17</v>
      </c>
      <c r="E17" s="20">
        <v>6070</v>
      </c>
    </row>
    <row r="18" spans="1:17">
      <c r="A18" s="74"/>
      <c r="B18" s="21">
        <v>0.93400000000000005</v>
      </c>
      <c r="C18" s="21">
        <v>6.4000000000000001E-2</v>
      </c>
      <c r="D18" s="21">
        <v>3.0000000000000001E-3</v>
      </c>
      <c r="E18" s="21">
        <v>1</v>
      </c>
      <c r="J18" s="22"/>
      <c r="K18" s="22"/>
      <c r="L18" s="22"/>
      <c r="M18" s="22"/>
      <c r="N18" s="22"/>
      <c r="O18" s="22"/>
      <c r="P18" s="22"/>
      <c r="Q18" s="22"/>
    </row>
    <row r="19" spans="1:17" ht="14.25" customHeight="1">
      <c r="A19" s="106" t="s">
        <v>192</v>
      </c>
      <c r="B19" s="106"/>
      <c r="C19" s="106"/>
      <c r="D19" s="106"/>
      <c r="E19" s="106"/>
      <c r="J19" s="22"/>
      <c r="K19" s="22"/>
      <c r="L19" s="22"/>
      <c r="M19" s="22"/>
      <c r="N19" s="22"/>
    </row>
    <row r="20" spans="1:17">
      <c r="A20" s="107"/>
      <c r="B20" s="107"/>
      <c r="C20" s="107"/>
      <c r="D20" s="107"/>
      <c r="E20" s="107"/>
      <c r="J20" s="22"/>
      <c r="K20" s="22"/>
      <c r="L20" s="22"/>
      <c r="M20" s="22"/>
      <c r="N20" s="22"/>
      <c r="O20" s="22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3:A14"/>
    <mergeCell ref="A15:A16"/>
    <mergeCell ref="A17:A18"/>
    <mergeCell ref="A19:E2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7"/>
  <dimension ref="A1:K39"/>
  <sheetViews>
    <sheetView workbookViewId="0">
      <selection activeCell="A2" sqref="A2"/>
    </sheetView>
  </sheetViews>
  <sheetFormatPr defaultColWidth="9" defaultRowHeight="14.25"/>
  <cols>
    <col min="1" max="1" width="21.625" style="18" bestFit="1" customWidth="1"/>
    <col min="2" max="7" width="9.625" style="18" customWidth="1"/>
    <col min="8" max="16384" width="9" style="18"/>
  </cols>
  <sheetData>
    <row r="1" spans="1:11">
      <c r="A1" s="18" t="s">
        <v>515</v>
      </c>
    </row>
    <row r="2" spans="1:11">
      <c r="A2" s="121" t="s">
        <v>613</v>
      </c>
      <c r="B2" s="36"/>
      <c r="C2" s="36"/>
    </row>
    <row r="3" spans="1:11" ht="60" customHeight="1">
      <c r="A3" s="84" t="s">
        <v>59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1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1">
      <c r="A5" s="78" t="s">
        <v>61</v>
      </c>
      <c r="B5" s="20">
        <v>114</v>
      </c>
      <c r="C5" s="20">
        <v>467</v>
      </c>
      <c r="D5" s="20">
        <v>340</v>
      </c>
      <c r="E5" s="20">
        <v>241</v>
      </c>
      <c r="F5" s="20">
        <v>88</v>
      </c>
      <c r="G5" s="20">
        <v>493</v>
      </c>
    </row>
    <row r="6" spans="1:11">
      <c r="A6" s="77"/>
      <c r="B6" s="21">
        <v>0.19600000000000001</v>
      </c>
      <c r="C6" s="21">
        <v>0.80400000000000005</v>
      </c>
      <c r="D6" s="21">
        <v>0.58499999999999996</v>
      </c>
      <c r="E6" s="21">
        <v>0.41499999999999998</v>
      </c>
      <c r="F6" s="21">
        <v>0.151</v>
      </c>
      <c r="G6" s="21">
        <v>0.84899999999999998</v>
      </c>
      <c r="I6" s="22"/>
      <c r="J6" s="22"/>
      <c r="K6" s="22"/>
    </row>
    <row r="7" spans="1:11" s="23" customFormat="1">
      <c r="A7" s="78" t="s">
        <v>156</v>
      </c>
      <c r="B7" s="20">
        <v>331</v>
      </c>
      <c r="C7" s="20">
        <v>1125</v>
      </c>
      <c r="D7" s="20">
        <v>877</v>
      </c>
      <c r="E7" s="20">
        <v>579</v>
      </c>
      <c r="F7" s="20">
        <v>210</v>
      </c>
      <c r="G7" s="20">
        <v>1246</v>
      </c>
    </row>
    <row r="8" spans="1:11">
      <c r="A8" s="79"/>
      <c r="B8" s="21">
        <v>0.22700000000000001</v>
      </c>
      <c r="C8" s="21">
        <v>0.77300000000000002</v>
      </c>
      <c r="D8" s="21">
        <v>0.60199999999999998</v>
      </c>
      <c r="E8" s="21">
        <v>0.39800000000000002</v>
      </c>
      <c r="F8" s="21">
        <v>0.14399999999999999</v>
      </c>
      <c r="G8" s="21">
        <v>0.85599999999999998</v>
      </c>
      <c r="I8" s="22"/>
      <c r="J8" s="22"/>
      <c r="K8" s="22"/>
    </row>
    <row r="9" spans="1:11">
      <c r="A9" s="78" t="s">
        <v>157</v>
      </c>
      <c r="B9" s="20">
        <v>277</v>
      </c>
      <c r="C9" s="20">
        <v>804</v>
      </c>
      <c r="D9" s="20">
        <v>619</v>
      </c>
      <c r="E9" s="20">
        <v>462</v>
      </c>
      <c r="F9" s="20">
        <v>150</v>
      </c>
      <c r="G9" s="20">
        <v>931</v>
      </c>
      <c r="I9" s="22"/>
      <c r="J9" s="22"/>
      <c r="K9" s="22"/>
    </row>
    <row r="10" spans="1:11">
      <c r="A10" s="79"/>
      <c r="B10" s="21">
        <v>0.25600000000000001</v>
      </c>
      <c r="C10" s="21">
        <v>0.74399999999999999</v>
      </c>
      <c r="D10" s="21">
        <v>0.57299999999999995</v>
      </c>
      <c r="E10" s="21">
        <v>0.42699999999999999</v>
      </c>
      <c r="F10" s="21">
        <v>0.13900000000000001</v>
      </c>
      <c r="G10" s="21">
        <v>0.86099999999999999</v>
      </c>
      <c r="I10" s="22"/>
      <c r="J10" s="22"/>
      <c r="K10" s="22"/>
    </row>
    <row r="11" spans="1:11">
      <c r="A11" s="78" t="s">
        <v>62</v>
      </c>
      <c r="B11" s="20">
        <v>538</v>
      </c>
      <c r="C11" s="20">
        <v>1128</v>
      </c>
      <c r="D11" s="20">
        <v>849</v>
      </c>
      <c r="E11" s="20">
        <v>817</v>
      </c>
      <c r="F11" s="20">
        <v>166</v>
      </c>
      <c r="G11" s="20">
        <v>1500</v>
      </c>
      <c r="I11" s="22"/>
      <c r="J11" s="22"/>
      <c r="K11" s="22"/>
    </row>
    <row r="12" spans="1:11">
      <c r="A12" s="77"/>
      <c r="B12" s="21">
        <v>0.32300000000000001</v>
      </c>
      <c r="C12" s="21">
        <v>0.67700000000000005</v>
      </c>
      <c r="D12" s="21">
        <v>0.51</v>
      </c>
      <c r="E12" s="21">
        <v>0.49</v>
      </c>
      <c r="F12" s="21">
        <v>0.1</v>
      </c>
      <c r="G12" s="21">
        <v>0.9</v>
      </c>
      <c r="I12" s="22"/>
      <c r="J12" s="22"/>
      <c r="K12" s="22"/>
    </row>
    <row r="13" spans="1:11">
      <c r="A13" s="78" t="s">
        <v>63</v>
      </c>
      <c r="B13" s="20">
        <v>268</v>
      </c>
      <c r="C13" s="20">
        <v>614</v>
      </c>
      <c r="D13" s="20">
        <v>462</v>
      </c>
      <c r="E13" s="20">
        <v>420</v>
      </c>
      <c r="F13" s="20">
        <v>92</v>
      </c>
      <c r="G13" s="20">
        <v>790</v>
      </c>
      <c r="I13" s="22"/>
      <c r="J13" s="22"/>
      <c r="K13" s="22"/>
    </row>
    <row r="14" spans="1:11">
      <c r="A14" s="79"/>
      <c r="B14" s="21">
        <v>0.30399999999999999</v>
      </c>
      <c r="C14" s="21">
        <v>0.69599999999999995</v>
      </c>
      <c r="D14" s="21">
        <v>0.52400000000000002</v>
      </c>
      <c r="E14" s="21">
        <v>0.47599999999999998</v>
      </c>
      <c r="F14" s="21">
        <v>0.104</v>
      </c>
      <c r="G14" s="21">
        <v>0.89600000000000002</v>
      </c>
      <c r="I14" s="22"/>
      <c r="J14" s="22"/>
      <c r="K14" s="22"/>
    </row>
    <row r="15" spans="1:11">
      <c r="A15" s="95" t="s">
        <v>22</v>
      </c>
      <c r="B15" s="24">
        <v>0</v>
      </c>
      <c r="C15" s="24">
        <v>1</v>
      </c>
      <c r="D15" s="24">
        <v>1</v>
      </c>
      <c r="E15" s="24">
        <v>0</v>
      </c>
      <c r="F15" s="24">
        <v>0</v>
      </c>
      <c r="G15" s="24">
        <v>1</v>
      </c>
      <c r="H15" s="22"/>
      <c r="I15" s="22"/>
      <c r="J15" s="22"/>
      <c r="K15" s="22"/>
    </row>
    <row r="16" spans="1:11">
      <c r="A16" s="99"/>
      <c r="B16" s="21">
        <v>0</v>
      </c>
      <c r="C16" s="21">
        <v>1</v>
      </c>
      <c r="D16" s="21">
        <v>1</v>
      </c>
      <c r="E16" s="21">
        <v>0</v>
      </c>
      <c r="F16" s="21">
        <v>0</v>
      </c>
      <c r="G16" s="21">
        <v>1</v>
      </c>
      <c r="I16" s="22"/>
      <c r="J16" s="22"/>
      <c r="K16" s="22"/>
    </row>
    <row r="17" spans="1:11" s="23" customFormat="1">
      <c r="A17" s="73" t="s">
        <v>15</v>
      </c>
      <c r="B17" s="20">
        <v>1528</v>
      </c>
      <c r="C17" s="20">
        <v>4139</v>
      </c>
      <c r="D17" s="20">
        <v>3148</v>
      </c>
      <c r="E17" s="20">
        <v>2519</v>
      </c>
      <c r="F17" s="20">
        <v>706</v>
      </c>
      <c r="G17" s="20">
        <v>4961</v>
      </c>
    </row>
    <row r="18" spans="1:11">
      <c r="A18" s="74"/>
      <c r="B18" s="21">
        <v>0.27</v>
      </c>
      <c r="C18" s="21">
        <v>0.73</v>
      </c>
      <c r="D18" s="21">
        <v>0.55500000000000005</v>
      </c>
      <c r="E18" s="21">
        <v>0.44500000000000001</v>
      </c>
      <c r="F18" s="21">
        <v>0.125</v>
      </c>
      <c r="G18" s="21">
        <v>0.875</v>
      </c>
      <c r="I18" s="22"/>
      <c r="J18" s="22"/>
      <c r="K18" s="22"/>
    </row>
    <row r="19" spans="1:11">
      <c r="A19" s="36"/>
      <c r="B19" s="51"/>
      <c r="C19" s="51"/>
      <c r="D19" s="51"/>
      <c r="E19" s="51"/>
      <c r="F19" s="51"/>
      <c r="G19" s="51"/>
      <c r="I19" s="22"/>
      <c r="J19" s="22"/>
      <c r="K19" s="22"/>
    </row>
    <row r="20" spans="1:11" ht="45" customHeight="1">
      <c r="A20" s="84" t="s">
        <v>59</v>
      </c>
      <c r="B20" s="82" t="s">
        <v>160</v>
      </c>
      <c r="C20" s="82"/>
      <c r="D20" s="82" t="s">
        <v>161</v>
      </c>
      <c r="E20" s="82"/>
      <c r="F20" s="82" t="s">
        <v>162</v>
      </c>
      <c r="G20" s="82"/>
      <c r="I20" s="22"/>
      <c r="J20" s="22"/>
      <c r="K20" s="22"/>
    </row>
    <row r="21" spans="1:11">
      <c r="A21" s="84"/>
      <c r="B21" s="11" t="s">
        <v>180</v>
      </c>
      <c r="C21" s="11" t="s">
        <v>181</v>
      </c>
      <c r="D21" s="11" t="s">
        <v>180</v>
      </c>
      <c r="E21" s="11" t="s">
        <v>181</v>
      </c>
      <c r="F21" s="11" t="s">
        <v>180</v>
      </c>
      <c r="G21" s="11" t="s">
        <v>181</v>
      </c>
      <c r="I21" s="22"/>
      <c r="J21" s="22"/>
      <c r="K21" s="22"/>
    </row>
    <row r="22" spans="1:11">
      <c r="A22" s="78" t="s">
        <v>61</v>
      </c>
      <c r="B22" s="20">
        <v>149</v>
      </c>
      <c r="C22" s="20">
        <v>432</v>
      </c>
      <c r="D22" s="20">
        <v>9</v>
      </c>
      <c r="E22" s="20">
        <v>572</v>
      </c>
      <c r="F22" s="20">
        <v>32</v>
      </c>
      <c r="G22" s="20">
        <v>549</v>
      </c>
      <c r="I22" s="22"/>
      <c r="J22" s="22"/>
      <c r="K22" s="22"/>
    </row>
    <row r="23" spans="1:11">
      <c r="A23" s="77"/>
      <c r="B23" s="21">
        <v>0.25600000000000001</v>
      </c>
      <c r="C23" s="21">
        <v>0.74399999999999999</v>
      </c>
      <c r="D23" s="21">
        <v>1.4999999999999999E-2</v>
      </c>
      <c r="E23" s="21">
        <v>0.98499999999999999</v>
      </c>
      <c r="F23" s="21">
        <v>5.5E-2</v>
      </c>
      <c r="G23" s="21">
        <v>0.94499999999999995</v>
      </c>
      <c r="I23" s="22"/>
      <c r="J23" s="22"/>
      <c r="K23" s="22"/>
    </row>
    <row r="24" spans="1:11">
      <c r="A24" s="78" t="s">
        <v>156</v>
      </c>
      <c r="B24" s="20">
        <v>363</v>
      </c>
      <c r="C24" s="20">
        <v>1093</v>
      </c>
      <c r="D24" s="20">
        <v>29</v>
      </c>
      <c r="E24" s="20">
        <v>1427</v>
      </c>
      <c r="F24" s="20">
        <v>85</v>
      </c>
      <c r="G24" s="20">
        <v>1371</v>
      </c>
      <c r="I24" s="22"/>
      <c r="J24" s="22"/>
      <c r="K24" s="22"/>
    </row>
    <row r="25" spans="1:11">
      <c r="A25" s="79"/>
      <c r="B25" s="21">
        <v>0.249</v>
      </c>
      <c r="C25" s="21">
        <v>0.751</v>
      </c>
      <c r="D25" s="21">
        <v>0.02</v>
      </c>
      <c r="E25" s="21">
        <v>0.98</v>
      </c>
      <c r="F25" s="21">
        <v>5.8000000000000003E-2</v>
      </c>
      <c r="G25" s="21">
        <v>0.94199999999999995</v>
      </c>
      <c r="I25" s="22"/>
      <c r="J25" s="22"/>
      <c r="K25" s="22"/>
    </row>
    <row r="26" spans="1:11">
      <c r="A26" s="78" t="s">
        <v>157</v>
      </c>
      <c r="B26" s="20">
        <v>251</v>
      </c>
      <c r="C26" s="20">
        <v>830</v>
      </c>
      <c r="D26" s="20">
        <v>13</v>
      </c>
      <c r="E26" s="20">
        <v>1068</v>
      </c>
      <c r="F26" s="20">
        <v>86</v>
      </c>
      <c r="G26" s="20">
        <v>995</v>
      </c>
      <c r="I26" s="22"/>
      <c r="J26" s="22"/>
      <c r="K26" s="22"/>
    </row>
    <row r="27" spans="1:11">
      <c r="A27" s="79"/>
      <c r="B27" s="21">
        <v>0.23200000000000001</v>
      </c>
      <c r="C27" s="21">
        <v>0.76800000000000002</v>
      </c>
      <c r="D27" s="21">
        <v>1.2E-2</v>
      </c>
      <c r="E27" s="21">
        <v>0.98799999999999999</v>
      </c>
      <c r="F27" s="21">
        <v>0.08</v>
      </c>
      <c r="G27" s="21">
        <v>0.92</v>
      </c>
      <c r="I27" s="22"/>
      <c r="J27" s="22"/>
      <c r="K27" s="22"/>
    </row>
    <row r="28" spans="1:11">
      <c r="A28" s="78" t="s">
        <v>62</v>
      </c>
      <c r="B28" s="20">
        <v>321</v>
      </c>
      <c r="C28" s="20">
        <v>1345</v>
      </c>
      <c r="D28" s="20">
        <v>16</v>
      </c>
      <c r="E28" s="20">
        <v>1650</v>
      </c>
      <c r="F28" s="20">
        <v>61</v>
      </c>
      <c r="G28" s="20">
        <v>1605</v>
      </c>
      <c r="I28" s="22"/>
      <c r="J28" s="22"/>
      <c r="K28" s="22"/>
    </row>
    <row r="29" spans="1:11">
      <c r="A29" s="77"/>
      <c r="B29" s="21">
        <v>0.193</v>
      </c>
      <c r="C29" s="21">
        <v>0.80700000000000005</v>
      </c>
      <c r="D29" s="21">
        <v>0.01</v>
      </c>
      <c r="E29" s="21">
        <v>0.99</v>
      </c>
      <c r="F29" s="21">
        <v>3.6999999999999998E-2</v>
      </c>
      <c r="G29" s="21">
        <v>0.96299999999999997</v>
      </c>
      <c r="I29" s="22"/>
      <c r="J29" s="22"/>
      <c r="K29" s="22"/>
    </row>
    <row r="30" spans="1:11">
      <c r="A30" s="78" t="s">
        <v>63</v>
      </c>
      <c r="B30" s="20">
        <v>165</v>
      </c>
      <c r="C30" s="20">
        <v>717</v>
      </c>
      <c r="D30" s="20">
        <v>14</v>
      </c>
      <c r="E30" s="20">
        <v>868</v>
      </c>
      <c r="F30" s="20">
        <v>39</v>
      </c>
      <c r="G30" s="20">
        <v>843</v>
      </c>
      <c r="I30" s="22"/>
      <c r="J30" s="22"/>
      <c r="K30" s="22"/>
    </row>
    <row r="31" spans="1:11">
      <c r="A31" s="79"/>
      <c r="B31" s="21">
        <v>0.187</v>
      </c>
      <c r="C31" s="21">
        <v>0.81299999999999994</v>
      </c>
      <c r="D31" s="21">
        <v>1.6E-2</v>
      </c>
      <c r="E31" s="21">
        <v>0.98399999999999999</v>
      </c>
      <c r="F31" s="21">
        <v>4.3999999999999997E-2</v>
      </c>
      <c r="G31" s="21">
        <v>0.95599999999999996</v>
      </c>
      <c r="I31" s="22"/>
      <c r="J31" s="22"/>
      <c r="K31" s="22"/>
    </row>
    <row r="32" spans="1:11">
      <c r="A32" s="95" t="s">
        <v>22</v>
      </c>
      <c r="B32" s="24">
        <v>0</v>
      </c>
      <c r="C32" s="24">
        <v>1</v>
      </c>
      <c r="D32" s="24">
        <v>0</v>
      </c>
      <c r="E32" s="24">
        <v>1</v>
      </c>
      <c r="F32" s="24">
        <v>0</v>
      </c>
      <c r="G32" s="24">
        <v>1</v>
      </c>
      <c r="I32" s="22"/>
      <c r="J32" s="22"/>
      <c r="K32" s="22"/>
    </row>
    <row r="33" spans="1:11">
      <c r="A33" s="99"/>
      <c r="B33" s="21">
        <v>0</v>
      </c>
      <c r="C33" s="21">
        <v>1</v>
      </c>
      <c r="D33" s="21">
        <v>0</v>
      </c>
      <c r="E33" s="21">
        <v>1</v>
      </c>
      <c r="F33" s="21">
        <v>0</v>
      </c>
      <c r="G33" s="21">
        <v>1</v>
      </c>
      <c r="I33" s="22"/>
      <c r="J33" s="22"/>
      <c r="K33" s="22"/>
    </row>
    <row r="34" spans="1:11">
      <c r="A34" s="73" t="s">
        <v>15</v>
      </c>
      <c r="B34" s="20">
        <v>1249</v>
      </c>
      <c r="C34" s="20">
        <v>4418</v>
      </c>
      <c r="D34" s="20">
        <v>81</v>
      </c>
      <c r="E34" s="20">
        <v>5586</v>
      </c>
      <c r="F34" s="20">
        <v>303</v>
      </c>
      <c r="G34" s="20">
        <v>5364</v>
      </c>
      <c r="I34" s="22"/>
      <c r="J34" s="22"/>
      <c r="K34" s="22"/>
    </row>
    <row r="35" spans="1:11">
      <c r="A35" s="74"/>
      <c r="B35" s="21">
        <v>0.22</v>
      </c>
      <c r="C35" s="21">
        <v>0.78</v>
      </c>
      <c r="D35" s="21">
        <v>1.4E-2</v>
      </c>
      <c r="E35" s="21">
        <v>0.98599999999999999</v>
      </c>
      <c r="F35" s="21">
        <v>5.2999999999999999E-2</v>
      </c>
      <c r="G35" s="21">
        <v>0.94699999999999995</v>
      </c>
      <c r="I35" s="22"/>
      <c r="J35" s="22"/>
      <c r="K35" s="22"/>
    </row>
    <row r="36" spans="1:11" ht="14.25" customHeight="1">
      <c r="A36" s="80" t="s">
        <v>302</v>
      </c>
      <c r="B36" s="80"/>
      <c r="C36" s="80"/>
      <c r="D36" s="80"/>
      <c r="E36" s="80"/>
      <c r="F36" s="80"/>
      <c r="G36" s="80"/>
      <c r="H36" s="22"/>
      <c r="I36" s="22"/>
      <c r="J36" s="22"/>
      <c r="K36" s="22"/>
    </row>
    <row r="37" spans="1:11">
      <c r="A37" s="86"/>
      <c r="B37" s="86"/>
      <c r="C37" s="86"/>
      <c r="D37" s="86"/>
      <c r="E37" s="86"/>
      <c r="F37" s="86"/>
      <c r="G37" s="86"/>
    </row>
    <row r="38" spans="1:11">
      <c r="B38" s="25"/>
    </row>
    <row r="39" spans="1:11">
      <c r="B39" s="25"/>
    </row>
  </sheetData>
  <mergeCells count="23">
    <mergeCell ref="A28:A29"/>
    <mergeCell ref="A30:A31"/>
    <mergeCell ref="B20:C20"/>
    <mergeCell ref="A20:A21"/>
    <mergeCell ref="A22:A23"/>
    <mergeCell ref="A24:A25"/>
    <mergeCell ref="A26:A27"/>
    <mergeCell ref="A36:G37"/>
    <mergeCell ref="A32:A33"/>
    <mergeCell ref="A34:A35"/>
    <mergeCell ref="F20:G20"/>
    <mergeCell ref="A3:A4"/>
    <mergeCell ref="B3:C3"/>
    <mergeCell ref="D3:E3"/>
    <mergeCell ref="F3:G3"/>
    <mergeCell ref="A11:A12"/>
    <mergeCell ref="A13:A14"/>
    <mergeCell ref="D20:E20"/>
    <mergeCell ref="A5:A6"/>
    <mergeCell ref="A7:A8"/>
    <mergeCell ref="A9:A10"/>
    <mergeCell ref="A15:A16"/>
    <mergeCell ref="A17:A1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8"/>
  <dimension ref="A1:K39"/>
  <sheetViews>
    <sheetView workbookViewId="0">
      <selection activeCell="A2" sqref="A2"/>
    </sheetView>
  </sheetViews>
  <sheetFormatPr defaultColWidth="9" defaultRowHeight="14.25"/>
  <cols>
    <col min="1" max="1" width="21.625" style="18" bestFit="1" customWidth="1"/>
    <col min="2" max="7" width="9.625" style="18" customWidth="1"/>
    <col min="8" max="16384" width="9" style="18"/>
  </cols>
  <sheetData>
    <row r="1" spans="1:11">
      <c r="A1" s="18" t="s">
        <v>516</v>
      </c>
    </row>
    <row r="2" spans="1:11">
      <c r="A2" s="121" t="s">
        <v>613</v>
      </c>
      <c r="B2" s="28"/>
      <c r="C2" s="28"/>
      <c r="D2" s="28"/>
      <c r="E2" s="28"/>
      <c r="F2" s="28"/>
      <c r="G2" s="28"/>
    </row>
    <row r="3" spans="1:11" ht="28.5" customHeight="1">
      <c r="A3" s="84" t="s">
        <v>59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1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1">
      <c r="A5" s="78" t="s">
        <v>61</v>
      </c>
      <c r="B5" s="20">
        <v>120</v>
      </c>
      <c r="C5" s="20">
        <v>461</v>
      </c>
      <c r="D5" s="20">
        <v>18</v>
      </c>
      <c r="E5" s="20">
        <v>563</v>
      </c>
      <c r="F5" s="20">
        <v>146</v>
      </c>
      <c r="G5" s="20">
        <v>435</v>
      </c>
    </row>
    <row r="6" spans="1:11">
      <c r="A6" s="77"/>
      <c r="B6" s="21">
        <v>0.20699999999999999</v>
      </c>
      <c r="C6" s="21">
        <v>0.79300000000000004</v>
      </c>
      <c r="D6" s="21">
        <v>3.1E-2</v>
      </c>
      <c r="E6" s="21">
        <v>0.96899999999999997</v>
      </c>
      <c r="F6" s="21">
        <v>0.251</v>
      </c>
      <c r="G6" s="21">
        <v>0.749</v>
      </c>
    </row>
    <row r="7" spans="1:11" s="23" customFormat="1">
      <c r="A7" s="78" t="s">
        <v>156</v>
      </c>
      <c r="B7" s="20">
        <v>298</v>
      </c>
      <c r="C7" s="20">
        <v>1158</v>
      </c>
      <c r="D7" s="20">
        <v>64</v>
      </c>
      <c r="E7" s="20">
        <v>1392</v>
      </c>
      <c r="F7" s="20">
        <v>247</v>
      </c>
      <c r="G7" s="20">
        <v>1209</v>
      </c>
    </row>
    <row r="8" spans="1:11">
      <c r="A8" s="79"/>
      <c r="B8" s="21">
        <v>0.20499999999999999</v>
      </c>
      <c r="C8" s="21">
        <v>0.79500000000000004</v>
      </c>
      <c r="D8" s="21">
        <v>4.3999999999999997E-2</v>
      </c>
      <c r="E8" s="21">
        <v>0.95599999999999996</v>
      </c>
      <c r="F8" s="21">
        <v>0.17</v>
      </c>
      <c r="G8" s="21">
        <v>0.83</v>
      </c>
    </row>
    <row r="9" spans="1:11">
      <c r="A9" s="78" t="s">
        <v>157</v>
      </c>
      <c r="B9" s="20">
        <v>222</v>
      </c>
      <c r="C9" s="20">
        <v>859</v>
      </c>
      <c r="D9" s="20">
        <v>38</v>
      </c>
      <c r="E9" s="20">
        <v>1043</v>
      </c>
      <c r="F9" s="20">
        <v>172</v>
      </c>
      <c r="G9" s="20">
        <v>909</v>
      </c>
      <c r="I9" s="22"/>
      <c r="J9" s="22"/>
      <c r="K9" s="22"/>
    </row>
    <row r="10" spans="1:11">
      <c r="A10" s="79"/>
      <c r="B10" s="21">
        <v>0.20499999999999999</v>
      </c>
      <c r="C10" s="21">
        <v>0.79500000000000004</v>
      </c>
      <c r="D10" s="21">
        <v>3.5000000000000003E-2</v>
      </c>
      <c r="E10" s="21">
        <v>0.96499999999999997</v>
      </c>
      <c r="F10" s="21">
        <v>0.159</v>
      </c>
      <c r="G10" s="21">
        <v>0.84099999999999997</v>
      </c>
    </row>
    <row r="11" spans="1:11">
      <c r="A11" s="78" t="s">
        <v>62</v>
      </c>
      <c r="B11" s="20">
        <v>291</v>
      </c>
      <c r="C11" s="20">
        <v>1375</v>
      </c>
      <c r="D11" s="20">
        <v>43</v>
      </c>
      <c r="E11" s="20">
        <v>1623</v>
      </c>
      <c r="F11" s="20">
        <v>166</v>
      </c>
      <c r="G11" s="20">
        <v>1500</v>
      </c>
      <c r="I11" s="22"/>
      <c r="J11" s="22"/>
      <c r="K11" s="22"/>
    </row>
    <row r="12" spans="1:11">
      <c r="A12" s="77"/>
      <c r="B12" s="21">
        <v>0.17499999999999999</v>
      </c>
      <c r="C12" s="21">
        <v>0.82499999999999996</v>
      </c>
      <c r="D12" s="21">
        <v>2.5999999999999999E-2</v>
      </c>
      <c r="E12" s="21">
        <v>0.97399999999999998</v>
      </c>
      <c r="F12" s="21">
        <v>0.1</v>
      </c>
      <c r="G12" s="21">
        <v>0.9</v>
      </c>
    </row>
    <row r="13" spans="1:11">
      <c r="A13" s="78" t="s">
        <v>63</v>
      </c>
      <c r="B13" s="20">
        <v>161</v>
      </c>
      <c r="C13" s="20">
        <v>721</v>
      </c>
      <c r="D13" s="20">
        <v>24</v>
      </c>
      <c r="E13" s="20">
        <v>858</v>
      </c>
      <c r="F13" s="20">
        <v>117</v>
      </c>
      <c r="G13" s="20">
        <v>765</v>
      </c>
      <c r="I13" s="22"/>
      <c r="J13" s="22"/>
      <c r="K13" s="22"/>
    </row>
    <row r="14" spans="1:11">
      <c r="A14" s="79"/>
      <c r="B14" s="21">
        <v>0.183</v>
      </c>
      <c r="C14" s="21">
        <v>0.81699999999999995</v>
      </c>
      <c r="D14" s="21">
        <v>2.7E-2</v>
      </c>
      <c r="E14" s="21">
        <v>0.97299999999999998</v>
      </c>
      <c r="F14" s="21">
        <v>0.13300000000000001</v>
      </c>
      <c r="G14" s="21">
        <v>0.86699999999999999</v>
      </c>
    </row>
    <row r="15" spans="1:11">
      <c r="A15" s="95" t="s">
        <v>22</v>
      </c>
      <c r="B15" s="24">
        <v>1</v>
      </c>
      <c r="C15" s="24">
        <v>0</v>
      </c>
      <c r="D15" s="24">
        <v>0</v>
      </c>
      <c r="E15" s="24">
        <v>1</v>
      </c>
      <c r="F15" s="24">
        <v>0</v>
      </c>
      <c r="G15" s="24">
        <v>1</v>
      </c>
      <c r="H15" s="22"/>
      <c r="I15" s="22"/>
      <c r="J15" s="22"/>
      <c r="K15" s="22"/>
    </row>
    <row r="16" spans="1:11">
      <c r="A16" s="99"/>
      <c r="B16" s="21">
        <v>1</v>
      </c>
      <c r="C16" s="21">
        <v>0</v>
      </c>
      <c r="D16" s="21">
        <v>0</v>
      </c>
      <c r="E16" s="21">
        <v>1</v>
      </c>
      <c r="F16" s="21">
        <v>0</v>
      </c>
      <c r="G16" s="21">
        <v>1</v>
      </c>
    </row>
    <row r="17" spans="1:7" s="23" customFormat="1">
      <c r="A17" s="73" t="s">
        <v>15</v>
      </c>
      <c r="B17" s="20">
        <v>1093</v>
      </c>
      <c r="C17" s="20">
        <v>4574</v>
      </c>
      <c r="D17" s="20">
        <v>187</v>
      </c>
      <c r="E17" s="20">
        <v>5480</v>
      </c>
      <c r="F17" s="20">
        <v>848</v>
      </c>
      <c r="G17" s="20">
        <v>4819</v>
      </c>
    </row>
    <row r="18" spans="1:7">
      <c r="A18" s="74"/>
      <c r="B18" s="21">
        <v>0.193</v>
      </c>
      <c r="C18" s="21">
        <v>0.80700000000000005</v>
      </c>
      <c r="D18" s="21">
        <v>3.3000000000000002E-2</v>
      </c>
      <c r="E18" s="21">
        <v>0.96699999999999997</v>
      </c>
      <c r="F18" s="21">
        <v>0.15</v>
      </c>
      <c r="G18" s="21">
        <v>0.85</v>
      </c>
    </row>
    <row r="19" spans="1:7">
      <c r="A19" s="36"/>
      <c r="B19" s="51"/>
      <c r="C19" s="51"/>
      <c r="D19" s="51"/>
      <c r="E19" s="51"/>
      <c r="F19" s="51"/>
      <c r="G19" s="51"/>
    </row>
    <row r="20" spans="1:7" ht="30.75" customHeight="1">
      <c r="A20" s="84" t="s">
        <v>59</v>
      </c>
      <c r="B20" s="82" t="s">
        <v>166</v>
      </c>
      <c r="C20" s="82"/>
      <c r="D20" s="52"/>
      <c r="E20" s="52"/>
      <c r="F20" s="52"/>
      <c r="G20" s="52"/>
    </row>
    <row r="21" spans="1:7">
      <c r="A21" s="84"/>
      <c r="B21" s="11" t="s">
        <v>180</v>
      </c>
      <c r="C21" s="11" t="s">
        <v>181</v>
      </c>
      <c r="D21" s="52"/>
      <c r="E21" s="52"/>
      <c r="F21" s="52"/>
      <c r="G21" s="52"/>
    </row>
    <row r="22" spans="1:7">
      <c r="A22" s="78" t="s">
        <v>61</v>
      </c>
      <c r="B22" s="20">
        <v>17</v>
      </c>
      <c r="C22" s="20">
        <v>564</v>
      </c>
      <c r="D22" s="52"/>
      <c r="E22" s="52"/>
      <c r="F22" s="52"/>
      <c r="G22" s="52"/>
    </row>
    <row r="23" spans="1:7">
      <c r="A23" s="77"/>
      <c r="B23" s="21">
        <v>2.9000000000000001E-2</v>
      </c>
      <c r="C23" s="21">
        <v>0.97099999999999997</v>
      </c>
      <c r="D23" s="52"/>
      <c r="E23" s="52"/>
      <c r="F23" s="52"/>
      <c r="G23" s="52"/>
    </row>
    <row r="24" spans="1:7">
      <c r="A24" s="78" t="s">
        <v>156</v>
      </c>
      <c r="B24" s="20">
        <v>25</v>
      </c>
      <c r="C24" s="20">
        <v>1431</v>
      </c>
      <c r="D24" s="52"/>
      <c r="E24" s="52"/>
      <c r="F24" s="52"/>
      <c r="G24" s="52"/>
    </row>
    <row r="25" spans="1:7">
      <c r="A25" s="79"/>
      <c r="B25" s="21">
        <v>1.7000000000000001E-2</v>
      </c>
      <c r="C25" s="21">
        <v>0.98299999999999998</v>
      </c>
      <c r="D25" s="52"/>
      <c r="E25" s="52"/>
      <c r="F25" s="52"/>
      <c r="G25" s="52"/>
    </row>
    <row r="26" spans="1:7">
      <c r="A26" s="78" t="s">
        <v>157</v>
      </c>
      <c r="B26" s="20">
        <v>19</v>
      </c>
      <c r="C26" s="20">
        <v>1062</v>
      </c>
      <c r="D26" s="52"/>
      <c r="E26" s="52"/>
      <c r="F26" s="52"/>
      <c r="G26" s="52"/>
    </row>
    <row r="27" spans="1:7">
      <c r="A27" s="79"/>
      <c r="B27" s="21">
        <v>1.7999999999999999E-2</v>
      </c>
      <c r="C27" s="21">
        <v>0.98199999999999998</v>
      </c>
      <c r="D27" s="52"/>
      <c r="E27" s="52"/>
      <c r="F27" s="52"/>
      <c r="G27" s="52"/>
    </row>
    <row r="28" spans="1:7">
      <c r="A28" s="78" t="s">
        <v>62</v>
      </c>
      <c r="B28" s="20">
        <v>42</v>
      </c>
      <c r="C28" s="20">
        <v>1624</v>
      </c>
      <c r="D28" s="52"/>
      <c r="E28" s="52"/>
      <c r="F28" s="52"/>
      <c r="G28" s="52"/>
    </row>
    <row r="29" spans="1:7">
      <c r="A29" s="77"/>
      <c r="B29" s="21">
        <v>2.5000000000000001E-2</v>
      </c>
      <c r="C29" s="21">
        <v>0.97499999999999998</v>
      </c>
      <c r="D29" s="52"/>
      <c r="E29" s="52"/>
      <c r="F29" s="52"/>
      <c r="G29" s="52"/>
    </row>
    <row r="30" spans="1:7">
      <c r="A30" s="78" t="s">
        <v>63</v>
      </c>
      <c r="B30" s="20">
        <v>28</v>
      </c>
      <c r="C30" s="20">
        <v>854</v>
      </c>
      <c r="D30" s="52"/>
      <c r="E30" s="52"/>
      <c r="F30" s="52"/>
      <c r="G30" s="52"/>
    </row>
    <row r="31" spans="1:7">
      <c r="A31" s="79"/>
      <c r="B31" s="21">
        <v>3.2000000000000001E-2</v>
      </c>
      <c r="C31" s="21">
        <v>0.96799999999999997</v>
      </c>
      <c r="D31" s="52"/>
      <c r="E31" s="52"/>
      <c r="F31" s="52"/>
      <c r="G31" s="52"/>
    </row>
    <row r="32" spans="1:7">
      <c r="A32" s="95" t="s">
        <v>22</v>
      </c>
      <c r="B32" s="24">
        <v>0</v>
      </c>
      <c r="C32" s="24">
        <v>1</v>
      </c>
      <c r="D32" s="52"/>
      <c r="E32" s="52"/>
      <c r="F32" s="52"/>
      <c r="G32" s="52"/>
    </row>
    <row r="33" spans="1:11">
      <c r="A33" s="99"/>
      <c r="B33" s="21">
        <v>0</v>
      </c>
      <c r="C33" s="21">
        <v>1</v>
      </c>
      <c r="D33" s="52"/>
      <c r="E33" s="52"/>
      <c r="F33" s="52"/>
      <c r="G33" s="52"/>
    </row>
    <row r="34" spans="1:11">
      <c r="A34" s="73" t="s">
        <v>15</v>
      </c>
      <c r="B34" s="20">
        <v>131</v>
      </c>
      <c r="C34" s="20">
        <v>5536</v>
      </c>
      <c r="D34" s="52"/>
      <c r="E34" s="52"/>
      <c r="F34" s="52"/>
      <c r="G34" s="52"/>
    </row>
    <row r="35" spans="1:11">
      <c r="A35" s="74"/>
      <c r="B35" s="21">
        <v>2.3E-2</v>
      </c>
      <c r="C35" s="21">
        <v>0.97699999999999998</v>
      </c>
      <c r="D35" s="52"/>
      <c r="E35" s="52"/>
      <c r="F35" s="52"/>
      <c r="G35" s="52"/>
    </row>
    <row r="36" spans="1:11" ht="14.25" customHeight="1">
      <c r="A36" s="71" t="s">
        <v>302</v>
      </c>
      <c r="B36" s="71"/>
      <c r="C36" s="71"/>
      <c r="D36" s="14"/>
      <c r="E36" s="14"/>
      <c r="F36" s="14"/>
      <c r="G36" s="14"/>
      <c r="H36" s="22"/>
      <c r="I36" s="22"/>
      <c r="J36" s="22"/>
      <c r="K36" s="22"/>
    </row>
    <row r="37" spans="1:11">
      <c r="A37" s="81"/>
      <c r="B37" s="81"/>
      <c r="C37" s="81"/>
    </row>
    <row r="38" spans="1:11">
      <c r="A38" s="81"/>
      <c r="B38" s="81"/>
      <c r="C38" s="81"/>
    </row>
    <row r="39" spans="1:11">
      <c r="A39" s="81"/>
      <c r="B39" s="81"/>
      <c r="C39" s="81"/>
    </row>
  </sheetData>
  <mergeCells count="21">
    <mergeCell ref="A17:A18"/>
    <mergeCell ref="A20:A21"/>
    <mergeCell ref="A22:A23"/>
    <mergeCell ref="A34:A35"/>
    <mergeCell ref="B20:C20"/>
    <mergeCell ref="A3:A4"/>
    <mergeCell ref="B3:C3"/>
    <mergeCell ref="D3:E3"/>
    <mergeCell ref="F3:G3"/>
    <mergeCell ref="A36:C39"/>
    <mergeCell ref="A24:A25"/>
    <mergeCell ref="A26:A27"/>
    <mergeCell ref="A28:A29"/>
    <mergeCell ref="A30:A31"/>
    <mergeCell ref="A32:A33"/>
    <mergeCell ref="A13:A14"/>
    <mergeCell ref="A5:A6"/>
    <mergeCell ref="A7:A8"/>
    <mergeCell ref="A11:A12"/>
    <mergeCell ref="A15:A16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9"/>
  <dimension ref="A1:Q20"/>
  <sheetViews>
    <sheetView workbookViewId="0">
      <selection activeCell="A2" sqref="A2"/>
    </sheetView>
  </sheetViews>
  <sheetFormatPr defaultColWidth="9" defaultRowHeight="14.25"/>
  <cols>
    <col min="1" max="1" width="21.625" style="18" bestFit="1" customWidth="1"/>
    <col min="2" max="5" width="9" style="18" customWidth="1"/>
    <col min="6" max="16384" width="9" style="18"/>
  </cols>
  <sheetData>
    <row r="1" spans="1:17">
      <c r="A1" s="70" t="s">
        <v>517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59</v>
      </c>
      <c r="B3" s="76" t="s">
        <v>124</v>
      </c>
      <c r="C3" s="76"/>
      <c r="D3" s="76"/>
      <c r="E3" s="76"/>
    </row>
    <row r="4" spans="1:17" ht="28.5">
      <c r="A4" s="84"/>
      <c r="B4" s="11" t="s">
        <v>193</v>
      </c>
      <c r="C4" s="11" t="s">
        <v>194</v>
      </c>
      <c r="D4" s="11" t="s">
        <v>22</v>
      </c>
      <c r="E4" s="11" t="s">
        <v>15</v>
      </c>
    </row>
    <row r="5" spans="1:17">
      <c r="A5" s="78" t="s">
        <v>61</v>
      </c>
      <c r="B5" s="20">
        <v>472</v>
      </c>
      <c r="C5" s="20">
        <v>143</v>
      </c>
      <c r="D5" s="20">
        <v>2</v>
      </c>
      <c r="E5" s="20">
        <v>617</v>
      </c>
    </row>
    <row r="6" spans="1:17">
      <c r="A6" s="77"/>
      <c r="B6" s="21">
        <v>0.76500000000000001</v>
      </c>
      <c r="C6" s="21">
        <v>0.23200000000000001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156</v>
      </c>
      <c r="B7" s="20">
        <v>1074</v>
      </c>
      <c r="C7" s="20">
        <v>452</v>
      </c>
      <c r="D7" s="20">
        <v>4</v>
      </c>
      <c r="E7" s="20">
        <v>1530</v>
      </c>
    </row>
    <row r="8" spans="1:17">
      <c r="A8" s="79"/>
      <c r="B8" s="21">
        <v>0.70199999999999996</v>
      </c>
      <c r="C8" s="21">
        <v>0.29499999999999998</v>
      </c>
      <c r="D8" s="21">
        <v>3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157</v>
      </c>
      <c r="B9" s="24">
        <v>787</v>
      </c>
      <c r="C9" s="24">
        <v>345</v>
      </c>
      <c r="D9" s="24">
        <v>3</v>
      </c>
      <c r="E9" s="20">
        <v>1135</v>
      </c>
      <c r="J9" s="22"/>
      <c r="K9" s="22"/>
      <c r="L9" s="22"/>
      <c r="M9" s="22"/>
      <c r="N9" s="22"/>
      <c r="O9" s="22"/>
      <c r="P9" s="22"/>
      <c r="Q9" s="22"/>
    </row>
    <row r="10" spans="1:17">
      <c r="A10" s="79"/>
      <c r="B10" s="21">
        <v>0.69299999999999995</v>
      </c>
      <c r="C10" s="21">
        <v>0.30399999999999999</v>
      </c>
      <c r="D10" s="21">
        <v>3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62</v>
      </c>
      <c r="B11" s="20">
        <v>1082</v>
      </c>
      <c r="C11" s="20">
        <v>728</v>
      </c>
      <c r="D11" s="20">
        <v>6</v>
      </c>
      <c r="E11" s="20">
        <v>1816</v>
      </c>
      <c r="J11" s="22"/>
      <c r="K11" s="22"/>
      <c r="L11" s="22"/>
      <c r="M11" s="22"/>
      <c r="N11" s="22"/>
      <c r="O11" s="22"/>
      <c r="P11" s="22"/>
      <c r="Q11" s="22"/>
    </row>
    <row r="12" spans="1:17">
      <c r="A12" s="77"/>
      <c r="B12" s="21">
        <v>0.59599999999999997</v>
      </c>
      <c r="C12" s="21">
        <v>0.40100000000000002</v>
      </c>
      <c r="D12" s="21">
        <v>3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8" t="s">
        <v>63</v>
      </c>
      <c r="B13" s="24">
        <v>589</v>
      </c>
      <c r="C13" s="24">
        <v>377</v>
      </c>
      <c r="D13" s="24">
        <v>4</v>
      </c>
      <c r="E13" s="20">
        <v>970</v>
      </c>
      <c r="J13" s="22"/>
      <c r="K13" s="22"/>
      <c r="L13" s="22"/>
      <c r="M13" s="22"/>
      <c r="N13" s="22"/>
      <c r="O13" s="22"/>
      <c r="P13" s="22"/>
      <c r="Q13" s="22"/>
    </row>
    <row r="14" spans="1:17">
      <c r="A14" s="79"/>
      <c r="B14" s="21">
        <v>0.60699999999999998</v>
      </c>
      <c r="C14" s="21">
        <v>0.38900000000000001</v>
      </c>
      <c r="D14" s="21">
        <v>4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95" t="s">
        <v>22</v>
      </c>
      <c r="B15" s="24">
        <v>1</v>
      </c>
      <c r="C15" s="24">
        <v>0</v>
      </c>
      <c r="D15" s="24">
        <v>1</v>
      </c>
      <c r="E15" s="24">
        <v>2</v>
      </c>
    </row>
    <row r="16" spans="1:17">
      <c r="A16" s="99"/>
      <c r="B16" s="21">
        <v>0.5</v>
      </c>
      <c r="C16" s="21">
        <v>0</v>
      </c>
      <c r="D16" s="21">
        <v>0.5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7" s="23" customFormat="1">
      <c r="A17" s="73" t="s">
        <v>15</v>
      </c>
      <c r="B17" s="20">
        <v>4005</v>
      </c>
      <c r="C17" s="20">
        <v>2045</v>
      </c>
      <c r="D17" s="20">
        <v>20</v>
      </c>
      <c r="E17" s="20">
        <v>6070</v>
      </c>
    </row>
    <row r="18" spans="1:17">
      <c r="A18" s="74"/>
      <c r="B18" s="21">
        <v>0.66</v>
      </c>
      <c r="C18" s="21">
        <v>0.33700000000000002</v>
      </c>
      <c r="D18" s="21">
        <v>3.0000000000000001E-3</v>
      </c>
      <c r="E18" s="21">
        <v>1</v>
      </c>
      <c r="J18" s="22"/>
      <c r="K18" s="22"/>
      <c r="L18" s="22"/>
      <c r="M18" s="22"/>
      <c r="N18" s="22"/>
      <c r="O18" s="22"/>
      <c r="P18" s="22"/>
      <c r="Q18" s="22"/>
    </row>
    <row r="19" spans="1:17">
      <c r="A19" s="80" t="s">
        <v>225</v>
      </c>
      <c r="B19" s="98"/>
      <c r="C19" s="98"/>
      <c r="D19" s="98"/>
      <c r="E19" s="98"/>
      <c r="J19" s="22"/>
      <c r="K19" s="22"/>
      <c r="L19" s="22"/>
      <c r="M19" s="22"/>
      <c r="N19" s="22"/>
    </row>
    <row r="20" spans="1:17">
      <c r="A20" s="25"/>
      <c r="B20" s="25"/>
      <c r="C20" s="25"/>
      <c r="D20" s="25"/>
      <c r="E20" s="25"/>
      <c r="J20" s="22"/>
      <c r="K20" s="22"/>
      <c r="L20" s="22"/>
      <c r="M20" s="22"/>
      <c r="N20" s="22"/>
      <c r="O20" s="22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3:A14"/>
    <mergeCell ref="A15:A16"/>
    <mergeCell ref="A17:A18"/>
    <mergeCell ref="A19:E19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0"/>
  <dimension ref="A1:Q21"/>
  <sheetViews>
    <sheetView workbookViewId="0">
      <selection activeCell="A2" sqref="A2"/>
    </sheetView>
  </sheetViews>
  <sheetFormatPr defaultColWidth="9" defaultRowHeight="14.25"/>
  <cols>
    <col min="1" max="1" width="21.625" style="18" bestFit="1" customWidth="1"/>
    <col min="2" max="5" width="9" style="18" customWidth="1"/>
    <col min="6" max="16384" width="9" style="18"/>
  </cols>
  <sheetData>
    <row r="1" spans="1:17">
      <c r="A1" s="70" t="s">
        <v>518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59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61</v>
      </c>
      <c r="B5" s="20">
        <v>284</v>
      </c>
      <c r="C5" s="20">
        <v>164</v>
      </c>
      <c r="D5" s="20">
        <v>24</v>
      </c>
      <c r="E5" s="20">
        <v>472</v>
      </c>
    </row>
    <row r="6" spans="1:17">
      <c r="A6" s="77"/>
      <c r="B6" s="21">
        <v>0.60199999999999998</v>
      </c>
      <c r="C6" s="21">
        <v>0.34699999999999998</v>
      </c>
      <c r="D6" s="21">
        <v>5.0999999999999997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156</v>
      </c>
      <c r="B7" s="24">
        <v>696</v>
      </c>
      <c r="C7" s="24">
        <v>357</v>
      </c>
      <c r="D7" s="24">
        <v>21</v>
      </c>
      <c r="E7" s="20">
        <v>1074</v>
      </c>
      <c r="J7" s="22"/>
      <c r="K7" s="22"/>
      <c r="L7" s="22"/>
      <c r="M7" s="22"/>
      <c r="N7" s="22"/>
    </row>
    <row r="8" spans="1:17">
      <c r="A8" s="79"/>
      <c r="B8" s="21">
        <v>0.64800000000000002</v>
      </c>
      <c r="C8" s="21">
        <v>0.33200000000000002</v>
      </c>
      <c r="D8" s="21">
        <v>0.0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157</v>
      </c>
      <c r="B9" s="24">
        <v>486</v>
      </c>
      <c r="C9" s="24">
        <v>287</v>
      </c>
      <c r="D9" s="24">
        <v>14</v>
      </c>
      <c r="E9" s="20">
        <v>787</v>
      </c>
      <c r="J9" s="22"/>
      <c r="K9" s="22"/>
      <c r="L9" s="22"/>
      <c r="M9" s="22"/>
      <c r="N9" s="22"/>
      <c r="O9" s="22"/>
      <c r="P9" s="22"/>
      <c r="Q9" s="22"/>
    </row>
    <row r="10" spans="1:17">
      <c r="A10" s="79"/>
      <c r="B10" s="21">
        <v>0.61799999999999999</v>
      </c>
      <c r="C10" s="21">
        <v>0.36499999999999999</v>
      </c>
      <c r="D10" s="21">
        <v>1.7999999999999999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62</v>
      </c>
      <c r="B11" s="20">
        <v>632</v>
      </c>
      <c r="C11" s="20">
        <v>427</v>
      </c>
      <c r="D11" s="20">
        <v>23</v>
      </c>
      <c r="E11" s="20">
        <v>1082</v>
      </c>
      <c r="J11" s="22"/>
      <c r="K11" s="22"/>
      <c r="L11" s="22"/>
      <c r="M11" s="22"/>
      <c r="N11" s="22"/>
      <c r="O11" s="22"/>
      <c r="P11" s="22"/>
      <c r="Q11" s="22"/>
    </row>
    <row r="12" spans="1:17">
      <c r="A12" s="77"/>
      <c r="B12" s="21">
        <v>0.58399999999999996</v>
      </c>
      <c r="C12" s="21">
        <v>0.39500000000000002</v>
      </c>
      <c r="D12" s="21">
        <v>2.1000000000000001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8" t="s">
        <v>63</v>
      </c>
      <c r="B13" s="24">
        <v>355</v>
      </c>
      <c r="C13" s="24">
        <v>222</v>
      </c>
      <c r="D13" s="24">
        <v>12</v>
      </c>
      <c r="E13" s="20">
        <v>589</v>
      </c>
      <c r="J13" s="22"/>
      <c r="K13" s="22"/>
      <c r="L13" s="22"/>
      <c r="M13" s="22"/>
      <c r="N13" s="22"/>
      <c r="O13" s="22"/>
      <c r="P13" s="22"/>
      <c r="Q13" s="22"/>
    </row>
    <row r="14" spans="1:17">
      <c r="A14" s="79"/>
      <c r="B14" s="21">
        <v>0.60299999999999998</v>
      </c>
      <c r="C14" s="21">
        <v>0.377</v>
      </c>
      <c r="D14" s="21">
        <v>0.02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95" t="s">
        <v>22</v>
      </c>
      <c r="B15" s="24">
        <v>1</v>
      </c>
      <c r="C15" s="24">
        <v>0</v>
      </c>
      <c r="D15" s="24">
        <v>0</v>
      </c>
      <c r="E15" s="24">
        <v>1</v>
      </c>
    </row>
    <row r="16" spans="1:17">
      <c r="A16" s="99"/>
      <c r="B16" s="21">
        <v>1</v>
      </c>
      <c r="C16" s="21">
        <v>0</v>
      </c>
      <c r="D16" s="21">
        <v>0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7" s="23" customFormat="1">
      <c r="A17" s="89" t="s">
        <v>15</v>
      </c>
      <c r="B17" s="20">
        <v>2454</v>
      </c>
      <c r="C17" s="20">
        <v>1457</v>
      </c>
      <c r="D17" s="20">
        <v>94</v>
      </c>
      <c r="E17" s="20">
        <v>4005</v>
      </c>
    </row>
    <row r="18" spans="1:17">
      <c r="A18" s="74"/>
      <c r="B18" s="21">
        <v>0.61299999999999999</v>
      </c>
      <c r="C18" s="21">
        <v>0.36399999999999999</v>
      </c>
      <c r="D18" s="21">
        <v>2.3E-2</v>
      </c>
      <c r="E18" s="21">
        <v>1</v>
      </c>
      <c r="J18" s="22"/>
      <c r="K18" s="22"/>
      <c r="L18" s="22"/>
      <c r="M18" s="22"/>
      <c r="N18" s="22"/>
      <c r="O18" s="22"/>
      <c r="P18" s="22"/>
      <c r="Q18" s="22"/>
    </row>
    <row r="19" spans="1:17" ht="14.25" customHeight="1">
      <c r="A19" s="90" t="s">
        <v>216</v>
      </c>
      <c r="B19" s="90"/>
      <c r="C19" s="90"/>
      <c r="D19" s="90"/>
      <c r="E19" s="90"/>
      <c r="J19" s="22"/>
      <c r="K19" s="22"/>
      <c r="L19" s="22"/>
      <c r="M19" s="22"/>
      <c r="N19" s="22"/>
    </row>
    <row r="20" spans="1:17">
      <c r="A20" s="93"/>
      <c r="B20" s="93"/>
      <c r="C20" s="93"/>
      <c r="D20" s="93"/>
      <c r="E20" s="93"/>
      <c r="J20" s="22"/>
      <c r="K20" s="22"/>
      <c r="L20" s="22"/>
      <c r="M20" s="22"/>
      <c r="N20" s="22"/>
      <c r="O20" s="22"/>
    </row>
    <row r="21" spans="1:17">
      <c r="A21" s="93"/>
      <c r="B21" s="93"/>
      <c r="C21" s="93"/>
      <c r="D21" s="93"/>
      <c r="E21" s="93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3:A14"/>
    <mergeCell ref="A15:A16"/>
    <mergeCell ref="A17:A18"/>
    <mergeCell ref="A19:E21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1"/>
  <dimension ref="A1:S20"/>
  <sheetViews>
    <sheetView workbookViewId="0">
      <selection activeCell="A2" sqref="A2"/>
    </sheetView>
  </sheetViews>
  <sheetFormatPr defaultColWidth="9" defaultRowHeight="14.25"/>
  <cols>
    <col min="1" max="1" width="16.25" style="18" customWidth="1"/>
    <col min="2" max="7" width="9" style="18" customWidth="1"/>
    <col min="8" max="16384" width="9" style="18"/>
  </cols>
  <sheetData>
    <row r="1" spans="1:19">
      <c r="A1" s="70" t="s">
        <v>519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59</v>
      </c>
      <c r="B3" s="76" t="s">
        <v>126</v>
      </c>
      <c r="C3" s="76"/>
      <c r="D3" s="76"/>
      <c r="E3" s="76"/>
      <c r="F3" s="76"/>
      <c r="G3" s="76"/>
    </row>
    <row r="4" spans="1:19" ht="28.15" customHeight="1">
      <c r="A4" s="84"/>
      <c r="B4" s="11" t="s">
        <v>94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8" t="s">
        <v>61</v>
      </c>
      <c r="B5" s="20">
        <v>60</v>
      </c>
      <c r="C5" s="20">
        <v>132</v>
      </c>
      <c r="D5" s="20">
        <v>139</v>
      </c>
      <c r="E5" s="20">
        <v>284</v>
      </c>
      <c r="F5" s="20">
        <v>2</v>
      </c>
      <c r="G5" s="20">
        <v>617</v>
      </c>
    </row>
    <row r="6" spans="1:19">
      <c r="A6" s="77"/>
      <c r="B6" s="21">
        <v>9.7000000000000003E-2</v>
      </c>
      <c r="C6" s="21">
        <v>0.214</v>
      </c>
      <c r="D6" s="21">
        <v>0.22500000000000001</v>
      </c>
      <c r="E6" s="21">
        <v>0.46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56</v>
      </c>
      <c r="B7" s="24">
        <v>105</v>
      </c>
      <c r="C7" s="24">
        <v>356</v>
      </c>
      <c r="D7" s="24">
        <v>497</v>
      </c>
      <c r="E7" s="24">
        <v>567</v>
      </c>
      <c r="F7" s="24">
        <v>5</v>
      </c>
      <c r="G7" s="20">
        <v>1530</v>
      </c>
      <c r="L7" s="22"/>
      <c r="M7" s="22"/>
      <c r="N7" s="22"/>
      <c r="O7" s="22"/>
      <c r="P7" s="22"/>
    </row>
    <row r="8" spans="1:19">
      <c r="A8" s="79"/>
      <c r="B8" s="21">
        <v>6.9000000000000006E-2</v>
      </c>
      <c r="C8" s="21">
        <v>0.23300000000000001</v>
      </c>
      <c r="D8" s="21">
        <v>0.32500000000000001</v>
      </c>
      <c r="E8" s="21">
        <v>0.371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157</v>
      </c>
      <c r="B9" s="24">
        <v>62</v>
      </c>
      <c r="C9" s="24">
        <v>269</v>
      </c>
      <c r="D9" s="24">
        <v>367</v>
      </c>
      <c r="E9" s="24">
        <v>436</v>
      </c>
      <c r="F9" s="24">
        <v>1</v>
      </c>
      <c r="G9" s="20">
        <v>1135</v>
      </c>
      <c r="L9" s="22"/>
      <c r="M9" s="22"/>
      <c r="N9" s="22"/>
      <c r="O9" s="22"/>
      <c r="P9" s="22"/>
      <c r="Q9" s="22"/>
      <c r="R9" s="22"/>
      <c r="S9" s="22"/>
    </row>
    <row r="10" spans="1:19">
      <c r="A10" s="79"/>
      <c r="B10" s="21">
        <v>5.5E-2</v>
      </c>
      <c r="C10" s="21">
        <v>0.23699999999999999</v>
      </c>
      <c r="D10" s="21">
        <v>0.32300000000000001</v>
      </c>
      <c r="E10" s="21">
        <v>0.38400000000000001</v>
      </c>
      <c r="F10" s="21">
        <v>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62</v>
      </c>
      <c r="B11" s="20">
        <v>121</v>
      </c>
      <c r="C11" s="20">
        <v>444</v>
      </c>
      <c r="D11" s="20">
        <v>540</v>
      </c>
      <c r="E11" s="20">
        <v>704</v>
      </c>
      <c r="F11" s="20">
        <v>7</v>
      </c>
      <c r="G11" s="20">
        <v>1816</v>
      </c>
      <c r="L11" s="22"/>
      <c r="M11" s="22"/>
      <c r="N11" s="22"/>
      <c r="O11" s="22"/>
      <c r="P11" s="22"/>
      <c r="Q11" s="22"/>
      <c r="R11" s="22"/>
      <c r="S11" s="22"/>
    </row>
    <row r="12" spans="1:19">
      <c r="A12" s="77"/>
      <c r="B12" s="21">
        <v>6.7000000000000004E-2</v>
      </c>
      <c r="C12" s="21">
        <v>0.24399999999999999</v>
      </c>
      <c r="D12" s="21">
        <v>0.29699999999999999</v>
      </c>
      <c r="E12" s="21">
        <v>0.38800000000000001</v>
      </c>
      <c r="F12" s="21">
        <v>4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8" t="s">
        <v>63</v>
      </c>
      <c r="B13" s="24">
        <v>86</v>
      </c>
      <c r="C13" s="24">
        <v>223</v>
      </c>
      <c r="D13" s="24">
        <v>288</v>
      </c>
      <c r="E13" s="24">
        <v>370</v>
      </c>
      <c r="F13" s="24">
        <v>3</v>
      </c>
      <c r="G13" s="20">
        <v>970</v>
      </c>
      <c r="L13" s="22"/>
      <c r="M13" s="22"/>
      <c r="N13" s="22"/>
      <c r="O13" s="22"/>
      <c r="P13" s="22"/>
      <c r="Q13" s="22"/>
      <c r="R13" s="22"/>
      <c r="S13" s="22"/>
    </row>
    <row r="14" spans="1:19">
      <c r="A14" s="79"/>
      <c r="B14" s="21">
        <v>8.8999999999999996E-2</v>
      </c>
      <c r="C14" s="21">
        <v>0.23</v>
      </c>
      <c r="D14" s="21">
        <v>0.29699999999999999</v>
      </c>
      <c r="E14" s="21">
        <v>0.38100000000000001</v>
      </c>
      <c r="F14" s="21">
        <v>3.000000000000000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95" t="s">
        <v>22</v>
      </c>
      <c r="B15" s="24">
        <v>1</v>
      </c>
      <c r="C15" s="24">
        <v>0</v>
      </c>
      <c r="D15" s="24">
        <v>0</v>
      </c>
      <c r="E15" s="24">
        <v>0</v>
      </c>
      <c r="F15" s="24">
        <v>1</v>
      </c>
      <c r="G15" s="24">
        <v>2</v>
      </c>
    </row>
    <row r="16" spans="1:19">
      <c r="A16" s="99"/>
      <c r="B16" s="21">
        <v>0.5</v>
      </c>
      <c r="C16" s="21">
        <v>0</v>
      </c>
      <c r="D16" s="21">
        <v>0</v>
      </c>
      <c r="E16" s="21">
        <v>0</v>
      </c>
      <c r="F16" s="21">
        <v>0.5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9" s="23" customFormat="1" ht="13.9" customHeight="1">
      <c r="A17" s="73" t="s">
        <v>15</v>
      </c>
      <c r="B17" s="20">
        <v>435</v>
      </c>
      <c r="C17" s="20">
        <v>1424</v>
      </c>
      <c r="D17" s="20">
        <v>1831</v>
      </c>
      <c r="E17" s="20">
        <v>2361</v>
      </c>
      <c r="F17" s="20">
        <v>19</v>
      </c>
      <c r="G17" s="20">
        <v>6070</v>
      </c>
    </row>
    <row r="18" spans="1:19">
      <c r="A18" s="74"/>
      <c r="B18" s="21">
        <v>7.1999999999999995E-2</v>
      </c>
      <c r="C18" s="21">
        <v>0.23499999999999999</v>
      </c>
      <c r="D18" s="21">
        <v>0.30199999999999999</v>
      </c>
      <c r="E18" s="21">
        <v>0.38900000000000001</v>
      </c>
      <c r="F18" s="21">
        <v>3.0000000000000001E-3</v>
      </c>
      <c r="G18" s="21">
        <v>1</v>
      </c>
      <c r="L18" s="22"/>
      <c r="M18" s="22"/>
      <c r="N18" s="22"/>
      <c r="O18" s="22"/>
      <c r="P18" s="22"/>
      <c r="Q18" s="22"/>
      <c r="R18" s="22"/>
      <c r="S18" s="22"/>
    </row>
    <row r="19" spans="1:19">
      <c r="A19" s="80" t="s">
        <v>217</v>
      </c>
      <c r="B19" s="98"/>
      <c r="C19" s="98"/>
      <c r="D19" s="98"/>
      <c r="E19" s="98"/>
      <c r="F19" s="98"/>
      <c r="G19" s="98"/>
      <c r="L19" s="22"/>
      <c r="M19" s="22"/>
      <c r="N19" s="22"/>
      <c r="O19" s="22"/>
      <c r="P19" s="22"/>
    </row>
    <row r="20" spans="1:19">
      <c r="A20" s="25"/>
      <c r="B20" s="25"/>
      <c r="C20" s="25"/>
      <c r="D20" s="25"/>
      <c r="E20" s="25"/>
      <c r="F20" s="25"/>
      <c r="G20" s="25"/>
      <c r="L20" s="22"/>
      <c r="M20" s="22"/>
      <c r="N20" s="22"/>
      <c r="O20" s="22"/>
      <c r="P20" s="22"/>
      <c r="Q20" s="22"/>
    </row>
  </sheetData>
  <mergeCells count="11">
    <mergeCell ref="A9:A10"/>
    <mergeCell ref="A1:G1"/>
    <mergeCell ref="A3:A4"/>
    <mergeCell ref="B3:G3"/>
    <mergeCell ref="A5:A6"/>
    <mergeCell ref="A7:A8"/>
    <mergeCell ref="A11:A12"/>
    <mergeCell ref="A13:A14"/>
    <mergeCell ref="A15:A16"/>
    <mergeCell ref="A17:A18"/>
    <mergeCell ref="A19:G19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2"/>
  <dimension ref="A1:R20"/>
  <sheetViews>
    <sheetView workbookViewId="0">
      <selection activeCell="A2" sqref="A2"/>
    </sheetView>
  </sheetViews>
  <sheetFormatPr defaultColWidth="9" defaultRowHeight="14.25"/>
  <cols>
    <col min="1" max="1" width="21.625" style="18" bestFit="1" customWidth="1"/>
    <col min="2" max="6" width="9" style="18" customWidth="1"/>
    <col min="7" max="16384" width="9" style="18"/>
  </cols>
  <sheetData>
    <row r="1" spans="1:18">
      <c r="A1" s="70" t="s">
        <v>520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59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8" t="s">
        <v>61</v>
      </c>
      <c r="B5" s="20">
        <v>81</v>
      </c>
      <c r="C5" s="20">
        <v>112</v>
      </c>
      <c r="D5" s="20">
        <v>419</v>
      </c>
      <c r="E5" s="20">
        <v>5</v>
      </c>
      <c r="F5" s="20">
        <v>617</v>
      </c>
    </row>
    <row r="6" spans="1:18">
      <c r="A6" s="77"/>
      <c r="B6" s="21">
        <v>0.13100000000000001</v>
      </c>
      <c r="C6" s="21">
        <v>0.182</v>
      </c>
      <c r="D6" s="21">
        <v>0.67900000000000005</v>
      </c>
      <c r="E6" s="21">
        <v>8.000000000000000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156</v>
      </c>
      <c r="B7" s="20">
        <v>156</v>
      </c>
      <c r="C7" s="20">
        <v>299</v>
      </c>
      <c r="D7" s="20">
        <v>1067</v>
      </c>
      <c r="E7" s="20">
        <v>8</v>
      </c>
      <c r="F7" s="20">
        <v>1530</v>
      </c>
    </row>
    <row r="8" spans="1:18">
      <c r="A8" s="79"/>
      <c r="B8" s="21">
        <v>0.10199999999999999</v>
      </c>
      <c r="C8" s="21">
        <v>0.19500000000000001</v>
      </c>
      <c r="D8" s="21">
        <v>0.69699999999999995</v>
      </c>
      <c r="E8" s="21">
        <v>5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157</v>
      </c>
      <c r="B9" s="24">
        <v>107</v>
      </c>
      <c r="C9" s="24">
        <v>231</v>
      </c>
      <c r="D9" s="24">
        <v>792</v>
      </c>
      <c r="E9" s="24">
        <v>5</v>
      </c>
      <c r="F9" s="20">
        <v>1135</v>
      </c>
      <c r="K9" s="22"/>
      <c r="L9" s="22"/>
      <c r="M9" s="22"/>
      <c r="N9" s="22"/>
      <c r="O9" s="22"/>
      <c r="P9" s="22"/>
      <c r="Q9" s="22"/>
      <c r="R9" s="22"/>
    </row>
    <row r="10" spans="1:18">
      <c r="A10" s="79"/>
      <c r="B10" s="21">
        <v>9.4E-2</v>
      </c>
      <c r="C10" s="21">
        <v>0.20399999999999999</v>
      </c>
      <c r="D10" s="21">
        <v>0.69799999999999995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62</v>
      </c>
      <c r="B11" s="20">
        <v>155</v>
      </c>
      <c r="C11" s="20">
        <v>326</v>
      </c>
      <c r="D11" s="20">
        <v>1327</v>
      </c>
      <c r="E11" s="20">
        <v>8</v>
      </c>
      <c r="F11" s="20">
        <v>1816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8.5000000000000006E-2</v>
      </c>
      <c r="C12" s="21">
        <v>0.18</v>
      </c>
      <c r="D12" s="21">
        <v>0.73099999999999998</v>
      </c>
      <c r="E12" s="21">
        <v>4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8" t="s">
        <v>63</v>
      </c>
      <c r="B13" s="24">
        <v>94</v>
      </c>
      <c r="C13" s="24">
        <v>155</v>
      </c>
      <c r="D13" s="24">
        <v>714</v>
      </c>
      <c r="E13" s="24">
        <v>7</v>
      </c>
      <c r="F13" s="20">
        <v>970</v>
      </c>
      <c r="K13" s="22"/>
      <c r="L13" s="22"/>
      <c r="M13" s="22"/>
      <c r="N13" s="22"/>
      <c r="O13" s="22"/>
      <c r="P13" s="22"/>
      <c r="Q13" s="22"/>
      <c r="R13" s="22"/>
    </row>
    <row r="14" spans="1:18">
      <c r="A14" s="79"/>
      <c r="B14" s="21">
        <v>9.7000000000000003E-2</v>
      </c>
      <c r="C14" s="21">
        <v>0.16</v>
      </c>
      <c r="D14" s="21">
        <v>0.73599999999999999</v>
      </c>
      <c r="E14" s="21">
        <v>7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95" t="s">
        <v>22</v>
      </c>
      <c r="B15" s="24">
        <v>0</v>
      </c>
      <c r="C15" s="24">
        <v>0</v>
      </c>
      <c r="D15" s="24">
        <v>1</v>
      </c>
      <c r="E15" s="24">
        <v>1</v>
      </c>
      <c r="F15" s="24">
        <v>2</v>
      </c>
    </row>
    <row r="16" spans="1:18">
      <c r="A16" s="99"/>
      <c r="B16" s="21">
        <v>0</v>
      </c>
      <c r="C16" s="21">
        <v>0</v>
      </c>
      <c r="D16" s="21">
        <v>0.5</v>
      </c>
      <c r="E16" s="21">
        <v>0.5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 s="23" customFormat="1">
      <c r="A17" s="73" t="s">
        <v>15</v>
      </c>
      <c r="B17" s="20">
        <v>593</v>
      </c>
      <c r="C17" s="20">
        <v>1123</v>
      </c>
      <c r="D17" s="20">
        <v>4320</v>
      </c>
      <c r="E17" s="20">
        <v>34</v>
      </c>
      <c r="F17" s="20">
        <v>6070</v>
      </c>
    </row>
    <row r="18" spans="1:18">
      <c r="A18" s="74"/>
      <c r="B18" s="21">
        <v>9.8000000000000004E-2</v>
      </c>
      <c r="C18" s="21">
        <v>0.185</v>
      </c>
      <c r="D18" s="21">
        <v>0.71199999999999997</v>
      </c>
      <c r="E18" s="21">
        <v>6.0000000000000001E-3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 ht="14.25" customHeight="1">
      <c r="A19" s="80" t="s">
        <v>227</v>
      </c>
      <c r="B19" s="80"/>
      <c r="C19" s="80"/>
      <c r="D19" s="80"/>
      <c r="E19" s="80"/>
      <c r="F19" s="80"/>
      <c r="K19" s="22"/>
      <c r="L19" s="22"/>
      <c r="M19" s="22"/>
      <c r="N19" s="22"/>
      <c r="O19" s="22"/>
    </row>
    <row r="20" spans="1:18">
      <c r="A20" s="108"/>
      <c r="B20" s="108"/>
      <c r="C20" s="108"/>
      <c r="D20" s="108"/>
      <c r="E20" s="108"/>
      <c r="F20" s="108"/>
      <c r="K20" s="22"/>
      <c r="L20" s="22"/>
      <c r="M20" s="22"/>
      <c r="N20" s="22"/>
      <c r="O20" s="22"/>
      <c r="P20" s="22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2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"/>
  <dimension ref="A1:Q25"/>
  <sheetViews>
    <sheetView workbookViewId="0">
      <selection activeCell="A2" sqref="A2"/>
    </sheetView>
  </sheetViews>
  <sheetFormatPr defaultColWidth="9" defaultRowHeight="14.25"/>
  <cols>
    <col min="1" max="5" width="9" style="18" customWidth="1"/>
    <col min="6" max="16384" width="9" style="18"/>
  </cols>
  <sheetData>
    <row r="1" spans="1:17">
      <c r="A1" s="70" t="s">
        <v>590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136</v>
      </c>
      <c r="B3" s="76" t="s">
        <v>259</v>
      </c>
      <c r="C3" s="76"/>
      <c r="D3" s="76"/>
      <c r="E3" s="76"/>
    </row>
    <row r="4" spans="1:17" ht="28.15" customHeight="1">
      <c r="A4" s="75"/>
      <c r="B4" s="11" t="s">
        <v>25</v>
      </c>
      <c r="C4" s="11" t="s">
        <v>145</v>
      </c>
      <c r="D4" s="11" t="s">
        <v>22</v>
      </c>
      <c r="E4" s="11" t="s">
        <v>15</v>
      </c>
    </row>
    <row r="5" spans="1:17">
      <c r="A5" s="73" t="s">
        <v>114</v>
      </c>
      <c r="B5" s="20">
        <v>718</v>
      </c>
      <c r="C5" s="20">
        <v>198</v>
      </c>
      <c r="D5" s="20">
        <v>69</v>
      </c>
      <c r="E5" s="20">
        <v>985</v>
      </c>
    </row>
    <row r="6" spans="1:17">
      <c r="A6" s="77"/>
      <c r="B6" s="21">
        <v>0.72899999999999998</v>
      </c>
      <c r="C6" s="21">
        <v>0.20100000000000001</v>
      </c>
      <c r="D6" s="21">
        <v>7.0000000000000007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15</v>
      </c>
      <c r="B7" s="20">
        <v>1275</v>
      </c>
      <c r="C7" s="20">
        <v>352</v>
      </c>
      <c r="D7" s="20">
        <v>97</v>
      </c>
      <c r="E7" s="20">
        <v>1724</v>
      </c>
    </row>
    <row r="8" spans="1:17">
      <c r="A8" s="74"/>
      <c r="B8" s="21">
        <v>0.74</v>
      </c>
      <c r="C8" s="21">
        <v>0.20399999999999999</v>
      </c>
      <c r="D8" s="21">
        <v>5.6000000000000001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2</v>
      </c>
      <c r="B9" s="24">
        <v>3</v>
      </c>
      <c r="C9" s="24">
        <v>2</v>
      </c>
      <c r="D9" s="24">
        <v>0</v>
      </c>
      <c r="E9" s="24">
        <v>5</v>
      </c>
      <c r="J9" s="22"/>
      <c r="K9" s="22"/>
      <c r="L9" s="22"/>
      <c r="M9" s="22"/>
      <c r="N9" s="22"/>
    </row>
    <row r="10" spans="1:17">
      <c r="A10" s="74"/>
      <c r="B10" s="21">
        <v>0.6</v>
      </c>
      <c r="C10" s="21">
        <v>0.4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8" t="s">
        <v>15</v>
      </c>
      <c r="B11" s="20">
        <v>1996</v>
      </c>
      <c r="C11" s="20">
        <v>552</v>
      </c>
      <c r="D11" s="20">
        <v>166</v>
      </c>
      <c r="E11" s="20">
        <v>2714</v>
      </c>
    </row>
    <row r="12" spans="1:17">
      <c r="A12" s="79"/>
      <c r="B12" s="21">
        <v>0.73499999999999999</v>
      </c>
      <c r="C12" s="21">
        <v>0.20300000000000001</v>
      </c>
      <c r="D12" s="21">
        <v>6.0999999999999999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3.9" customHeight="1">
      <c r="A13" s="39" t="s">
        <v>588</v>
      </c>
      <c r="B13" s="39"/>
      <c r="C13" s="39"/>
      <c r="D13" s="39"/>
      <c r="E13" s="39"/>
      <c r="J13" s="22"/>
      <c r="K13" s="22"/>
      <c r="L13" s="22"/>
      <c r="M13" s="22"/>
      <c r="N13" s="22"/>
    </row>
    <row r="14" spans="1:17">
      <c r="A14" s="43"/>
      <c r="B14" s="43"/>
      <c r="C14" s="43"/>
      <c r="D14" s="43"/>
      <c r="E14" s="43"/>
      <c r="J14" s="22"/>
      <c r="K14" s="22"/>
      <c r="L14" s="22"/>
      <c r="M14" s="22"/>
      <c r="N14" s="22"/>
      <c r="O14" s="22"/>
      <c r="P14" s="22"/>
      <c r="Q14" s="22"/>
    </row>
    <row r="15" spans="1:17">
      <c r="J15" s="22"/>
      <c r="K15" s="22"/>
      <c r="L15" s="22"/>
      <c r="M15" s="22"/>
      <c r="N15" s="22"/>
    </row>
    <row r="16" spans="1:17">
      <c r="J16" s="22"/>
      <c r="K16" s="22"/>
      <c r="L16" s="22"/>
      <c r="M16" s="22"/>
      <c r="N16" s="22"/>
      <c r="O16" s="22"/>
      <c r="P16" s="22"/>
      <c r="Q16" s="22"/>
    </row>
    <row r="17" spans="10:17">
      <c r="J17" s="22"/>
      <c r="K17" s="22"/>
      <c r="L17" s="22"/>
      <c r="M17" s="22"/>
      <c r="N17" s="22"/>
    </row>
    <row r="18" spans="10:17">
      <c r="J18" s="22"/>
      <c r="K18" s="22"/>
      <c r="L18" s="22"/>
      <c r="M18" s="22"/>
      <c r="N18" s="22"/>
      <c r="O18" s="22"/>
      <c r="P18" s="22"/>
      <c r="Q18" s="22"/>
    </row>
    <row r="19" spans="10:17">
      <c r="J19" s="22"/>
      <c r="K19" s="22"/>
      <c r="L19" s="22"/>
      <c r="M19" s="22"/>
      <c r="N19" s="22"/>
    </row>
    <row r="20" spans="10:17">
      <c r="J20" s="22"/>
      <c r="K20" s="22"/>
      <c r="L20" s="22"/>
      <c r="M20" s="22"/>
      <c r="N20" s="22"/>
      <c r="O20" s="22"/>
      <c r="P20" s="22"/>
      <c r="Q20" s="22"/>
    </row>
    <row r="21" spans="10:17">
      <c r="J21" s="22"/>
      <c r="K21" s="22"/>
      <c r="L21" s="22"/>
      <c r="M21" s="22"/>
      <c r="N21" s="22"/>
    </row>
    <row r="22" spans="10:17">
      <c r="J22" s="22"/>
      <c r="K22" s="22"/>
      <c r="L22" s="22"/>
      <c r="M22" s="22"/>
      <c r="N22" s="22"/>
      <c r="O22" s="22"/>
      <c r="P22" s="22"/>
      <c r="Q22" s="22"/>
    </row>
    <row r="23" spans="10:17" ht="13.9" customHeight="1">
      <c r="J23" s="22"/>
      <c r="K23" s="22"/>
      <c r="L23" s="22"/>
      <c r="M23" s="22"/>
      <c r="N23" s="22"/>
    </row>
    <row r="24" spans="10:17">
      <c r="J24" s="22"/>
      <c r="K24" s="22"/>
      <c r="L24" s="22"/>
      <c r="M24" s="22"/>
      <c r="N24" s="22"/>
      <c r="O24" s="22"/>
      <c r="P24" s="22"/>
      <c r="Q24" s="22"/>
    </row>
    <row r="25" spans="10:17">
      <c r="J25" s="22"/>
      <c r="K25" s="22"/>
      <c r="L25" s="22"/>
      <c r="M25" s="22"/>
      <c r="N25" s="22"/>
    </row>
  </sheetData>
  <mergeCells count="7"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3"/>
  <dimension ref="A1:R20"/>
  <sheetViews>
    <sheetView workbookViewId="0">
      <selection activeCell="A2" sqref="A2"/>
    </sheetView>
  </sheetViews>
  <sheetFormatPr defaultColWidth="9" defaultRowHeight="14.25"/>
  <cols>
    <col min="1" max="1" width="21.62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2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59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107</v>
      </c>
      <c r="E4" s="11" t="s">
        <v>22</v>
      </c>
      <c r="F4" s="11" t="s">
        <v>15</v>
      </c>
    </row>
    <row r="5" spans="1:18">
      <c r="A5" s="78" t="s">
        <v>61</v>
      </c>
      <c r="B5" s="20">
        <v>247</v>
      </c>
      <c r="C5" s="20">
        <v>299</v>
      </c>
      <c r="D5" s="20">
        <v>69</v>
      </c>
      <c r="E5" s="20">
        <v>2</v>
      </c>
      <c r="F5" s="20">
        <v>617</v>
      </c>
    </row>
    <row r="6" spans="1:18">
      <c r="A6" s="77"/>
      <c r="B6" s="21">
        <v>0.4</v>
      </c>
      <c r="C6" s="21">
        <v>0.48499999999999999</v>
      </c>
      <c r="D6" s="21">
        <v>0.112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56</v>
      </c>
      <c r="B7" s="24">
        <v>619</v>
      </c>
      <c r="C7" s="24">
        <v>694</v>
      </c>
      <c r="D7" s="24">
        <v>215</v>
      </c>
      <c r="E7" s="24">
        <v>2</v>
      </c>
      <c r="F7" s="20">
        <v>1530</v>
      </c>
      <c r="K7" s="22"/>
      <c r="L7" s="22"/>
      <c r="M7" s="22"/>
      <c r="N7" s="22"/>
      <c r="O7" s="22"/>
    </row>
    <row r="8" spans="1:18">
      <c r="A8" s="79"/>
      <c r="B8" s="21">
        <v>0.40500000000000003</v>
      </c>
      <c r="C8" s="21">
        <v>0.45400000000000001</v>
      </c>
      <c r="D8" s="21">
        <v>0.14099999999999999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157</v>
      </c>
      <c r="B9" s="24">
        <v>472</v>
      </c>
      <c r="C9" s="24">
        <v>490</v>
      </c>
      <c r="D9" s="24">
        <v>170</v>
      </c>
      <c r="E9" s="24">
        <v>3</v>
      </c>
      <c r="F9" s="20">
        <v>1135</v>
      </c>
      <c r="K9" s="22"/>
      <c r="L9" s="22"/>
      <c r="M9" s="22"/>
      <c r="N9" s="22"/>
      <c r="O9" s="22"/>
      <c r="P9" s="22"/>
      <c r="Q9" s="22"/>
      <c r="R9" s="22"/>
    </row>
    <row r="10" spans="1:18">
      <c r="A10" s="79"/>
      <c r="B10" s="21">
        <v>0.41599999999999998</v>
      </c>
      <c r="C10" s="21">
        <v>0.432</v>
      </c>
      <c r="D10" s="21">
        <v>0.15</v>
      </c>
      <c r="E10" s="21">
        <v>3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62</v>
      </c>
      <c r="B11" s="20">
        <v>726</v>
      </c>
      <c r="C11" s="20">
        <v>790</v>
      </c>
      <c r="D11" s="20">
        <v>298</v>
      </c>
      <c r="E11" s="20">
        <v>2</v>
      </c>
      <c r="F11" s="20">
        <v>1816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0.4</v>
      </c>
      <c r="C12" s="21">
        <v>0.435</v>
      </c>
      <c r="D12" s="21">
        <v>0.16400000000000001</v>
      </c>
      <c r="E12" s="21">
        <v>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8" t="s">
        <v>63</v>
      </c>
      <c r="B13" s="24">
        <v>392</v>
      </c>
      <c r="C13" s="24">
        <v>393</v>
      </c>
      <c r="D13" s="24">
        <v>182</v>
      </c>
      <c r="E13" s="24">
        <v>3</v>
      </c>
      <c r="F13" s="20">
        <v>970</v>
      </c>
      <c r="K13" s="22"/>
      <c r="L13" s="22"/>
      <c r="M13" s="22"/>
      <c r="N13" s="22"/>
      <c r="O13" s="22"/>
      <c r="P13" s="22"/>
      <c r="Q13" s="22"/>
      <c r="R13" s="22"/>
    </row>
    <row r="14" spans="1:18">
      <c r="A14" s="79"/>
      <c r="B14" s="21">
        <v>0.40400000000000003</v>
      </c>
      <c r="C14" s="21">
        <v>0.40500000000000003</v>
      </c>
      <c r="D14" s="21">
        <v>0.188</v>
      </c>
      <c r="E14" s="21">
        <v>3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95" t="s">
        <v>22</v>
      </c>
      <c r="B15" s="24">
        <v>1</v>
      </c>
      <c r="C15" s="24">
        <v>0</v>
      </c>
      <c r="D15" s="24">
        <v>0</v>
      </c>
      <c r="E15" s="24">
        <v>1</v>
      </c>
      <c r="F15" s="24">
        <v>2</v>
      </c>
    </row>
    <row r="16" spans="1:18">
      <c r="A16" s="99"/>
      <c r="B16" s="21">
        <v>0.5</v>
      </c>
      <c r="C16" s="21">
        <v>0</v>
      </c>
      <c r="D16" s="21">
        <v>0</v>
      </c>
      <c r="E16" s="21">
        <v>0.5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 s="23" customFormat="1">
      <c r="A17" s="73" t="s">
        <v>15</v>
      </c>
      <c r="B17" s="20">
        <v>2457</v>
      </c>
      <c r="C17" s="20">
        <v>2666</v>
      </c>
      <c r="D17" s="20">
        <v>934</v>
      </c>
      <c r="E17" s="20">
        <v>13</v>
      </c>
      <c r="F17" s="20">
        <v>6070</v>
      </c>
    </row>
    <row r="18" spans="1:18">
      <c r="A18" s="74"/>
      <c r="B18" s="21">
        <v>0.40500000000000003</v>
      </c>
      <c r="C18" s="21">
        <v>0.439</v>
      </c>
      <c r="D18" s="21">
        <v>0.154</v>
      </c>
      <c r="E18" s="21">
        <v>2E-3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>
      <c r="A19" s="80" t="s">
        <v>261</v>
      </c>
      <c r="B19" s="98"/>
      <c r="C19" s="98"/>
      <c r="D19" s="98"/>
      <c r="E19" s="98"/>
      <c r="F19" s="98"/>
      <c r="K19" s="22"/>
      <c r="L19" s="22"/>
      <c r="M19" s="22"/>
      <c r="N19" s="22"/>
      <c r="O19" s="22"/>
    </row>
    <row r="20" spans="1:18">
      <c r="A20" s="25"/>
      <c r="B20" s="25"/>
      <c r="C20" s="25"/>
      <c r="D20" s="25"/>
      <c r="E20" s="25"/>
      <c r="F20" s="25"/>
      <c r="K20" s="22"/>
      <c r="L20" s="22"/>
      <c r="M20" s="22"/>
      <c r="N20" s="22"/>
      <c r="O20" s="22"/>
      <c r="P20" s="22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19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4"/>
  <dimension ref="A1:S20"/>
  <sheetViews>
    <sheetView workbookViewId="0">
      <selection activeCell="A2" sqref="A2"/>
    </sheetView>
  </sheetViews>
  <sheetFormatPr defaultColWidth="9" defaultRowHeight="14.25"/>
  <cols>
    <col min="1" max="1" width="21.62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22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59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9">
      <c r="A5" s="78" t="s">
        <v>61</v>
      </c>
      <c r="B5" s="20">
        <v>118</v>
      </c>
      <c r="C5" s="20">
        <v>56</v>
      </c>
      <c r="D5" s="20">
        <v>8</v>
      </c>
      <c r="E5" s="20">
        <v>63</v>
      </c>
      <c r="F5" s="20">
        <v>2</v>
      </c>
      <c r="G5" s="20">
        <v>247</v>
      </c>
    </row>
    <row r="6" spans="1:19">
      <c r="A6" s="77"/>
      <c r="B6" s="21">
        <v>0.47799999999999998</v>
      </c>
      <c r="C6" s="21">
        <v>0.22700000000000001</v>
      </c>
      <c r="D6" s="21">
        <v>3.2000000000000001E-2</v>
      </c>
      <c r="E6" s="21">
        <v>0.255</v>
      </c>
      <c r="F6" s="21">
        <v>8.000000000000000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56</v>
      </c>
      <c r="B7" s="24">
        <v>295</v>
      </c>
      <c r="C7" s="24">
        <v>156</v>
      </c>
      <c r="D7" s="24">
        <v>23</v>
      </c>
      <c r="E7" s="24">
        <v>144</v>
      </c>
      <c r="F7" s="24">
        <v>1</v>
      </c>
      <c r="G7" s="20">
        <v>619</v>
      </c>
      <c r="L7" s="22"/>
      <c r="M7" s="22"/>
      <c r="N7" s="22"/>
      <c r="O7" s="22"/>
      <c r="P7" s="22"/>
    </row>
    <row r="8" spans="1:19">
      <c r="A8" s="79"/>
      <c r="B8" s="21">
        <v>0.47699999999999998</v>
      </c>
      <c r="C8" s="21">
        <v>0.252</v>
      </c>
      <c r="D8" s="21">
        <v>3.6999999999999998E-2</v>
      </c>
      <c r="E8" s="21">
        <v>0.23300000000000001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157</v>
      </c>
      <c r="B9" s="24">
        <v>218</v>
      </c>
      <c r="C9" s="24">
        <v>101</v>
      </c>
      <c r="D9" s="24">
        <v>19</v>
      </c>
      <c r="E9" s="24">
        <v>134</v>
      </c>
      <c r="F9" s="24">
        <v>0</v>
      </c>
      <c r="G9" s="20">
        <v>472</v>
      </c>
      <c r="L9" s="22"/>
      <c r="M9" s="22"/>
      <c r="N9" s="22"/>
      <c r="O9" s="22"/>
      <c r="P9" s="22"/>
      <c r="Q9" s="22"/>
      <c r="R9" s="22"/>
      <c r="S9" s="22"/>
    </row>
    <row r="10" spans="1:19">
      <c r="A10" s="79"/>
      <c r="B10" s="21">
        <v>0.46200000000000002</v>
      </c>
      <c r="C10" s="21">
        <v>0.214</v>
      </c>
      <c r="D10" s="21">
        <v>0.04</v>
      </c>
      <c r="E10" s="21">
        <v>0.28399999999999997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62</v>
      </c>
      <c r="B11" s="20">
        <v>311</v>
      </c>
      <c r="C11" s="20">
        <v>146</v>
      </c>
      <c r="D11" s="20">
        <v>24</v>
      </c>
      <c r="E11" s="20">
        <v>243</v>
      </c>
      <c r="F11" s="20">
        <v>2</v>
      </c>
      <c r="G11" s="20">
        <v>726</v>
      </c>
      <c r="L11" s="22"/>
      <c r="M11" s="22"/>
      <c r="N11" s="22"/>
      <c r="O11" s="22"/>
      <c r="P11" s="22"/>
      <c r="Q11" s="22"/>
      <c r="R11" s="22"/>
      <c r="S11" s="22"/>
    </row>
    <row r="12" spans="1:19">
      <c r="A12" s="77"/>
      <c r="B12" s="21">
        <v>0.42799999999999999</v>
      </c>
      <c r="C12" s="21">
        <v>0.20100000000000001</v>
      </c>
      <c r="D12" s="21">
        <v>3.3000000000000002E-2</v>
      </c>
      <c r="E12" s="21">
        <v>0.33500000000000002</v>
      </c>
      <c r="F12" s="21">
        <v>3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8" t="s">
        <v>63</v>
      </c>
      <c r="B13" s="24">
        <v>163</v>
      </c>
      <c r="C13" s="24">
        <v>53</v>
      </c>
      <c r="D13" s="24">
        <v>9</v>
      </c>
      <c r="E13" s="24">
        <v>166</v>
      </c>
      <c r="F13" s="24">
        <v>1</v>
      </c>
      <c r="G13" s="20">
        <v>392</v>
      </c>
      <c r="L13" s="22"/>
      <c r="M13" s="22"/>
      <c r="N13" s="22"/>
      <c r="O13" s="22"/>
      <c r="P13" s="22"/>
      <c r="Q13" s="22"/>
      <c r="R13" s="22"/>
      <c r="S13" s="22"/>
    </row>
    <row r="14" spans="1:19">
      <c r="A14" s="79"/>
      <c r="B14" s="21">
        <v>0.41599999999999998</v>
      </c>
      <c r="C14" s="21">
        <v>0.13500000000000001</v>
      </c>
      <c r="D14" s="21">
        <v>2.3E-2</v>
      </c>
      <c r="E14" s="21">
        <v>0.42299999999999999</v>
      </c>
      <c r="F14" s="21">
        <v>3.000000000000000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95" t="s">
        <v>22</v>
      </c>
      <c r="B15" s="24">
        <v>0</v>
      </c>
      <c r="C15" s="24">
        <v>0</v>
      </c>
      <c r="D15" s="24">
        <v>1</v>
      </c>
      <c r="E15" s="24">
        <v>0</v>
      </c>
      <c r="F15" s="24">
        <v>0</v>
      </c>
      <c r="G15" s="24">
        <v>1</v>
      </c>
    </row>
    <row r="16" spans="1:19">
      <c r="A16" s="99"/>
      <c r="B16" s="21">
        <v>0</v>
      </c>
      <c r="C16" s="21">
        <v>0</v>
      </c>
      <c r="D16" s="21">
        <v>1</v>
      </c>
      <c r="E16" s="21">
        <v>0</v>
      </c>
      <c r="F16" s="21">
        <v>0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9" s="23" customFormat="1">
      <c r="A17" s="73" t="s">
        <v>15</v>
      </c>
      <c r="B17" s="20">
        <v>1105</v>
      </c>
      <c r="C17" s="20">
        <v>512</v>
      </c>
      <c r="D17" s="20">
        <v>84</v>
      </c>
      <c r="E17" s="20">
        <v>750</v>
      </c>
      <c r="F17" s="20">
        <v>6</v>
      </c>
      <c r="G17" s="20">
        <v>2457</v>
      </c>
    </row>
    <row r="18" spans="1:19">
      <c r="A18" s="74"/>
      <c r="B18" s="21">
        <v>0.45</v>
      </c>
      <c r="C18" s="21">
        <v>0.20799999999999999</v>
      </c>
      <c r="D18" s="21">
        <v>3.4000000000000002E-2</v>
      </c>
      <c r="E18" s="21">
        <v>0.30499999999999999</v>
      </c>
      <c r="F18" s="21">
        <v>2E-3</v>
      </c>
      <c r="G18" s="21">
        <v>1</v>
      </c>
      <c r="L18" s="22"/>
      <c r="M18" s="22"/>
      <c r="N18" s="22"/>
      <c r="O18" s="22"/>
      <c r="P18" s="22"/>
      <c r="Q18" s="22"/>
      <c r="R18" s="22"/>
      <c r="S18" s="22"/>
    </row>
    <row r="19" spans="1:19">
      <c r="A19" s="80" t="s">
        <v>218</v>
      </c>
      <c r="B19" s="98"/>
      <c r="C19" s="98"/>
      <c r="D19" s="98"/>
      <c r="E19" s="98"/>
      <c r="F19" s="98"/>
      <c r="G19" s="98"/>
      <c r="L19" s="22"/>
      <c r="M19" s="22"/>
      <c r="N19" s="22"/>
      <c r="O19" s="22"/>
      <c r="P19" s="22"/>
    </row>
    <row r="20" spans="1:19">
      <c r="A20" s="25"/>
      <c r="B20" s="25"/>
      <c r="C20" s="25"/>
      <c r="D20" s="25"/>
      <c r="E20" s="25"/>
      <c r="F20" s="25"/>
      <c r="G20" s="25"/>
      <c r="L20" s="22"/>
      <c r="M20" s="22"/>
      <c r="N20" s="22"/>
      <c r="O20" s="22"/>
      <c r="P20" s="22"/>
      <c r="Q20" s="22"/>
    </row>
  </sheetData>
  <mergeCells count="11">
    <mergeCell ref="A9:A10"/>
    <mergeCell ref="A1:G1"/>
    <mergeCell ref="A3:A4"/>
    <mergeCell ref="B3:G3"/>
    <mergeCell ref="A5:A6"/>
    <mergeCell ref="A7:A8"/>
    <mergeCell ref="A11:A12"/>
    <mergeCell ref="A13:A14"/>
    <mergeCell ref="A15:A16"/>
    <mergeCell ref="A17:A18"/>
    <mergeCell ref="A19:G19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5"/>
  <dimension ref="A1:R18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23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66</v>
      </c>
      <c r="B3" s="76" t="s">
        <v>121</v>
      </c>
      <c r="C3" s="76"/>
      <c r="D3" s="76"/>
      <c r="E3" s="76"/>
      <c r="F3" s="76"/>
    </row>
    <row r="4" spans="1:18" ht="42.75">
      <c r="A4" s="84"/>
      <c r="B4" s="11" t="s">
        <v>43</v>
      </c>
      <c r="C4" s="11" t="s">
        <v>44</v>
      </c>
      <c r="D4" s="11" t="s">
        <v>190</v>
      </c>
      <c r="E4" s="11" t="s">
        <v>22</v>
      </c>
      <c r="F4" s="11" t="s">
        <v>15</v>
      </c>
    </row>
    <row r="5" spans="1:18">
      <c r="A5" s="78" t="s">
        <v>69</v>
      </c>
      <c r="B5" s="20">
        <v>940</v>
      </c>
      <c r="C5" s="20">
        <v>971</v>
      </c>
      <c r="D5" s="20">
        <v>490</v>
      </c>
      <c r="E5" s="20">
        <v>3</v>
      </c>
      <c r="F5" s="20">
        <v>2404</v>
      </c>
    </row>
    <row r="6" spans="1:18">
      <c r="A6" s="77"/>
      <c r="B6" s="21">
        <v>0.39100000000000001</v>
      </c>
      <c r="C6" s="21">
        <v>0.40400000000000003</v>
      </c>
      <c r="D6" s="21">
        <v>0.20399999999999999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53</v>
      </c>
      <c r="B7" s="24">
        <v>194</v>
      </c>
      <c r="C7" s="24">
        <v>200</v>
      </c>
      <c r="D7" s="24">
        <v>167</v>
      </c>
      <c r="E7" s="24">
        <v>1</v>
      </c>
      <c r="F7" s="20">
        <v>562</v>
      </c>
      <c r="K7" s="22"/>
      <c r="L7" s="22"/>
      <c r="M7" s="22"/>
      <c r="N7" s="22"/>
      <c r="O7" s="22"/>
    </row>
    <row r="8" spans="1:18">
      <c r="A8" s="79"/>
      <c r="B8" s="21">
        <v>0.34499999999999997</v>
      </c>
      <c r="C8" s="21">
        <v>0.35599999999999998</v>
      </c>
      <c r="D8" s="21">
        <v>0.29699999999999999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54</v>
      </c>
      <c r="B9" s="24">
        <v>105</v>
      </c>
      <c r="C9" s="24">
        <v>184</v>
      </c>
      <c r="D9" s="24">
        <v>79</v>
      </c>
      <c r="E9" s="24">
        <v>0</v>
      </c>
      <c r="F9" s="20">
        <v>368</v>
      </c>
      <c r="K9" s="22"/>
      <c r="L9" s="22"/>
      <c r="M9" s="22"/>
      <c r="N9" s="22"/>
      <c r="O9" s="22"/>
      <c r="P9" s="22"/>
      <c r="Q9" s="22"/>
      <c r="R9" s="22"/>
    </row>
    <row r="10" spans="1:18">
      <c r="A10" s="79"/>
      <c r="B10" s="21">
        <v>0.28499999999999998</v>
      </c>
      <c r="C10" s="21">
        <v>0.5</v>
      </c>
      <c r="D10" s="21">
        <v>0.215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604</v>
      </c>
      <c r="B11" s="20">
        <v>423</v>
      </c>
      <c r="C11" s="20">
        <v>780</v>
      </c>
      <c r="D11" s="20">
        <v>1520</v>
      </c>
      <c r="E11" s="20">
        <v>1</v>
      </c>
      <c r="F11" s="20">
        <v>2724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0.155</v>
      </c>
      <c r="C12" s="21">
        <v>0.28599999999999998</v>
      </c>
      <c r="D12" s="21">
        <v>0.55800000000000005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95" t="s">
        <v>22</v>
      </c>
      <c r="B13" s="24">
        <v>3</v>
      </c>
      <c r="C13" s="24">
        <v>1</v>
      </c>
      <c r="D13" s="24">
        <v>4</v>
      </c>
      <c r="E13" s="24">
        <v>4</v>
      </c>
      <c r="F13" s="24">
        <v>12</v>
      </c>
    </row>
    <row r="14" spans="1:18">
      <c r="A14" s="99"/>
      <c r="B14" s="21">
        <v>0.25</v>
      </c>
      <c r="C14" s="21">
        <v>8.3000000000000004E-2</v>
      </c>
      <c r="D14" s="21">
        <v>0.33300000000000002</v>
      </c>
      <c r="E14" s="21">
        <v>0.33300000000000002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1665</v>
      </c>
      <c r="C15" s="20">
        <v>2136</v>
      </c>
      <c r="D15" s="20">
        <v>2260</v>
      </c>
      <c r="E15" s="20">
        <v>9</v>
      </c>
      <c r="F15" s="20">
        <v>6070</v>
      </c>
    </row>
    <row r="16" spans="1:18">
      <c r="A16" s="74"/>
      <c r="B16" s="21">
        <v>0.27400000000000002</v>
      </c>
      <c r="C16" s="21">
        <v>0.35199999999999998</v>
      </c>
      <c r="D16" s="21">
        <v>0.372</v>
      </c>
      <c r="E16" s="21">
        <v>1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>
      <c r="A17" s="80" t="s">
        <v>75</v>
      </c>
      <c r="B17" s="80"/>
      <c r="C17" s="80"/>
      <c r="D17" s="80"/>
      <c r="E17" s="80"/>
      <c r="F17" s="80"/>
      <c r="K17" s="22"/>
      <c r="L17" s="22"/>
      <c r="M17" s="22"/>
      <c r="N17" s="22"/>
      <c r="O17" s="22"/>
    </row>
    <row r="18" spans="1:16">
      <c r="A18" s="108"/>
      <c r="B18" s="108"/>
      <c r="C18" s="108"/>
      <c r="D18" s="108"/>
      <c r="E18" s="108"/>
      <c r="F18" s="108"/>
      <c r="K18" s="22"/>
      <c r="L18" s="22"/>
      <c r="M18" s="22"/>
      <c r="N18" s="22"/>
      <c r="O18" s="22"/>
      <c r="P18" s="2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6"/>
  <dimension ref="A1:R18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3" width="9" style="18" customWidth="1"/>
    <col min="4" max="4" width="11.625" style="18" bestFit="1" customWidth="1"/>
    <col min="5" max="6" width="9" style="18" customWidth="1"/>
    <col min="7" max="16384" width="9" style="18"/>
  </cols>
  <sheetData>
    <row r="1" spans="1:18">
      <c r="A1" s="70" t="s">
        <v>524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66</v>
      </c>
      <c r="B3" s="76" t="s">
        <v>122</v>
      </c>
      <c r="C3" s="76"/>
      <c r="D3" s="76"/>
      <c r="E3" s="76"/>
      <c r="F3" s="76"/>
    </row>
    <row r="4" spans="1:18">
      <c r="A4" s="84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8">
      <c r="A5" s="78" t="s">
        <v>69</v>
      </c>
      <c r="B5" s="20">
        <v>1495</v>
      </c>
      <c r="C5" s="20">
        <v>194</v>
      </c>
      <c r="D5" s="20">
        <v>707</v>
      </c>
      <c r="E5" s="20">
        <v>8</v>
      </c>
      <c r="F5" s="20">
        <v>2404</v>
      </c>
    </row>
    <row r="6" spans="1:18">
      <c r="A6" s="77"/>
      <c r="B6" s="21">
        <v>0.622</v>
      </c>
      <c r="C6" s="21">
        <v>8.1000000000000003E-2</v>
      </c>
      <c r="D6" s="21">
        <v>0.29399999999999998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53</v>
      </c>
      <c r="B7" s="24">
        <v>353</v>
      </c>
      <c r="C7" s="24">
        <v>51</v>
      </c>
      <c r="D7" s="24">
        <v>157</v>
      </c>
      <c r="E7" s="24">
        <v>1</v>
      </c>
      <c r="F7" s="20">
        <v>562</v>
      </c>
      <c r="K7" s="22"/>
      <c r="L7" s="22"/>
      <c r="M7" s="22"/>
      <c r="N7" s="22"/>
      <c r="O7" s="22"/>
    </row>
    <row r="8" spans="1:18">
      <c r="A8" s="79"/>
      <c r="B8" s="21">
        <v>0.628</v>
      </c>
      <c r="C8" s="21">
        <v>9.0999999999999998E-2</v>
      </c>
      <c r="D8" s="21">
        <v>0.27900000000000003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54</v>
      </c>
      <c r="B9" s="24">
        <v>220</v>
      </c>
      <c r="C9" s="24">
        <v>47</v>
      </c>
      <c r="D9" s="24">
        <v>100</v>
      </c>
      <c r="E9" s="24">
        <v>1</v>
      </c>
      <c r="F9" s="20">
        <v>368</v>
      </c>
      <c r="K9" s="22"/>
      <c r="L9" s="22"/>
      <c r="M9" s="22"/>
      <c r="N9" s="22"/>
      <c r="O9" s="22"/>
      <c r="P9" s="22"/>
      <c r="Q9" s="22"/>
      <c r="R9" s="22"/>
    </row>
    <row r="10" spans="1:18">
      <c r="A10" s="79"/>
      <c r="B10" s="21">
        <v>0.59799999999999998</v>
      </c>
      <c r="C10" s="21">
        <v>0.128</v>
      </c>
      <c r="D10" s="21">
        <v>0.27200000000000002</v>
      </c>
      <c r="E10" s="21">
        <v>3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604</v>
      </c>
      <c r="B11" s="20">
        <v>1192</v>
      </c>
      <c r="C11" s="20">
        <v>178</v>
      </c>
      <c r="D11" s="20">
        <v>1348</v>
      </c>
      <c r="E11" s="20">
        <v>6</v>
      </c>
      <c r="F11" s="20">
        <v>2724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0.438</v>
      </c>
      <c r="C12" s="21">
        <v>6.5000000000000002E-2</v>
      </c>
      <c r="D12" s="21">
        <v>0.495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95" t="s">
        <v>22</v>
      </c>
      <c r="B13" s="24">
        <v>3</v>
      </c>
      <c r="C13" s="24">
        <v>2</v>
      </c>
      <c r="D13" s="24">
        <v>3</v>
      </c>
      <c r="E13" s="24">
        <v>4</v>
      </c>
      <c r="F13" s="24">
        <v>12</v>
      </c>
    </row>
    <row r="14" spans="1:18">
      <c r="A14" s="99"/>
      <c r="B14" s="21">
        <v>0.25</v>
      </c>
      <c r="C14" s="21">
        <v>0.16700000000000001</v>
      </c>
      <c r="D14" s="21">
        <v>0.25</v>
      </c>
      <c r="E14" s="21">
        <v>0.33300000000000002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3263</v>
      </c>
      <c r="C15" s="20">
        <v>472</v>
      </c>
      <c r="D15" s="20">
        <v>2315</v>
      </c>
      <c r="E15" s="20">
        <v>20</v>
      </c>
      <c r="F15" s="20">
        <v>6070</v>
      </c>
    </row>
    <row r="16" spans="1:18">
      <c r="A16" s="74"/>
      <c r="B16" s="21">
        <v>0.53800000000000003</v>
      </c>
      <c r="C16" s="21">
        <v>7.8E-2</v>
      </c>
      <c r="D16" s="21">
        <v>0.38100000000000001</v>
      </c>
      <c r="E16" s="21">
        <v>3.0000000000000001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 ht="14.25" customHeight="1">
      <c r="A17" s="71" t="s">
        <v>239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6">
      <c r="A18" s="109"/>
      <c r="B18" s="109"/>
      <c r="C18" s="109"/>
      <c r="D18" s="109"/>
      <c r="E18" s="109"/>
      <c r="F18" s="109"/>
      <c r="K18" s="22"/>
      <c r="L18" s="22"/>
      <c r="M18" s="22"/>
      <c r="N18" s="22"/>
      <c r="O18" s="22"/>
      <c r="P18" s="2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7"/>
  <dimension ref="A1:Q18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5" width="9" style="18" customWidth="1"/>
    <col min="6" max="16384" width="9" style="18"/>
  </cols>
  <sheetData>
    <row r="1" spans="1:17">
      <c r="A1" s="70" t="s">
        <v>525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66</v>
      </c>
      <c r="B3" s="76" t="s">
        <v>123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69</v>
      </c>
      <c r="B5" s="20">
        <v>2286</v>
      </c>
      <c r="C5" s="20">
        <v>113</v>
      </c>
      <c r="D5" s="20">
        <v>5</v>
      </c>
      <c r="E5" s="20">
        <v>2404</v>
      </c>
    </row>
    <row r="6" spans="1:17">
      <c r="A6" s="77"/>
      <c r="B6" s="21">
        <v>0.95099999999999996</v>
      </c>
      <c r="C6" s="21">
        <v>4.7E-2</v>
      </c>
      <c r="D6" s="21">
        <v>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53</v>
      </c>
      <c r="B7" s="24">
        <v>522</v>
      </c>
      <c r="C7" s="24">
        <v>39</v>
      </c>
      <c r="D7" s="24">
        <v>1</v>
      </c>
      <c r="E7" s="20">
        <v>562</v>
      </c>
      <c r="J7" s="22"/>
      <c r="K7" s="22"/>
      <c r="L7" s="22"/>
      <c r="M7" s="22"/>
      <c r="N7" s="22"/>
    </row>
    <row r="8" spans="1:17">
      <c r="A8" s="79"/>
      <c r="B8" s="21">
        <v>0.92900000000000005</v>
      </c>
      <c r="C8" s="21">
        <v>6.9000000000000006E-2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54</v>
      </c>
      <c r="B9" s="24">
        <v>346</v>
      </c>
      <c r="C9" s="24">
        <v>20</v>
      </c>
      <c r="D9" s="24">
        <v>2</v>
      </c>
      <c r="E9" s="20">
        <v>368</v>
      </c>
      <c r="J9" s="22"/>
      <c r="K9" s="22"/>
      <c r="L9" s="22"/>
      <c r="M9" s="22"/>
      <c r="N9" s="22"/>
      <c r="O9" s="22"/>
      <c r="P9" s="22"/>
      <c r="Q9" s="22"/>
    </row>
    <row r="10" spans="1:17">
      <c r="A10" s="79"/>
      <c r="B10" s="21">
        <v>0.94</v>
      </c>
      <c r="C10" s="21">
        <v>5.3999999999999999E-2</v>
      </c>
      <c r="D10" s="21">
        <v>5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604</v>
      </c>
      <c r="B11" s="20">
        <v>2506</v>
      </c>
      <c r="C11" s="20">
        <v>212</v>
      </c>
      <c r="D11" s="20">
        <v>6</v>
      </c>
      <c r="E11" s="20">
        <v>2724</v>
      </c>
      <c r="J11" s="22"/>
      <c r="K11" s="22"/>
      <c r="L11" s="22"/>
      <c r="M11" s="22"/>
      <c r="N11" s="22"/>
      <c r="O11" s="22"/>
      <c r="P11" s="22"/>
      <c r="Q11" s="22"/>
    </row>
    <row r="12" spans="1:17">
      <c r="A12" s="77"/>
      <c r="B12" s="21">
        <v>0.92</v>
      </c>
      <c r="C12" s="21">
        <v>7.8E-2</v>
      </c>
      <c r="D12" s="21">
        <v>2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95" t="s">
        <v>22</v>
      </c>
      <c r="B13" s="24">
        <v>7</v>
      </c>
      <c r="C13" s="24">
        <v>2</v>
      </c>
      <c r="D13" s="24">
        <v>3</v>
      </c>
      <c r="E13" s="24">
        <v>12</v>
      </c>
    </row>
    <row r="14" spans="1:17">
      <c r="A14" s="99"/>
      <c r="B14" s="21">
        <v>0.58299999999999996</v>
      </c>
      <c r="C14" s="21">
        <v>0.16700000000000001</v>
      </c>
      <c r="D14" s="21">
        <v>0.25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5667</v>
      </c>
      <c r="C15" s="20">
        <v>386</v>
      </c>
      <c r="D15" s="20">
        <v>17</v>
      </c>
      <c r="E15" s="20">
        <v>6070</v>
      </c>
    </row>
    <row r="16" spans="1:17">
      <c r="A16" s="74"/>
      <c r="B16" s="21">
        <v>0.93400000000000005</v>
      </c>
      <c r="C16" s="21">
        <v>6.4000000000000001E-2</v>
      </c>
      <c r="D16" s="21">
        <v>3.0000000000000001E-3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5">
      <c r="A17" s="80" t="s">
        <v>192</v>
      </c>
      <c r="B17" s="98"/>
      <c r="C17" s="98"/>
      <c r="D17" s="98"/>
      <c r="E17" s="98"/>
      <c r="J17" s="22"/>
      <c r="K17" s="22"/>
      <c r="L17" s="22"/>
      <c r="M17" s="22"/>
      <c r="N17" s="22"/>
    </row>
    <row r="18" spans="1:15">
      <c r="A18" s="25"/>
      <c r="B18" s="25"/>
      <c r="C18" s="25"/>
      <c r="D18" s="25"/>
      <c r="E18" s="25"/>
      <c r="J18" s="22"/>
      <c r="K18" s="22"/>
      <c r="L18" s="22"/>
      <c r="M18" s="22"/>
      <c r="N18" s="22"/>
      <c r="O18" s="22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8"/>
  <dimension ref="A1:K35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7" width="9.625" style="18" customWidth="1"/>
    <col min="8" max="16384" width="9" style="18"/>
  </cols>
  <sheetData>
    <row r="1" spans="1:11">
      <c r="A1" s="54" t="s">
        <v>526</v>
      </c>
      <c r="B1" s="54"/>
      <c r="C1" s="54"/>
    </row>
    <row r="2" spans="1:11">
      <c r="A2" s="121" t="s">
        <v>613</v>
      </c>
      <c r="B2" s="36"/>
      <c r="C2" s="36"/>
    </row>
    <row r="3" spans="1:11" ht="57.75" customHeight="1">
      <c r="A3" s="84" t="s">
        <v>174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1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1">
      <c r="A5" s="78" t="s">
        <v>69</v>
      </c>
      <c r="B5" s="20">
        <v>550</v>
      </c>
      <c r="C5" s="20">
        <v>1736</v>
      </c>
      <c r="D5" s="20">
        <v>1349</v>
      </c>
      <c r="E5" s="20">
        <v>937</v>
      </c>
      <c r="F5" s="20">
        <v>328</v>
      </c>
      <c r="G5" s="20">
        <v>1958</v>
      </c>
    </row>
    <row r="6" spans="1:11">
      <c r="A6" s="77"/>
      <c r="B6" s="21">
        <v>0.24099999999999999</v>
      </c>
      <c r="C6" s="21">
        <v>0.75900000000000001</v>
      </c>
      <c r="D6" s="21">
        <v>0.59</v>
      </c>
      <c r="E6" s="21">
        <v>0.41</v>
      </c>
      <c r="F6" s="21">
        <v>0.14299999999999999</v>
      </c>
      <c r="G6" s="21">
        <v>0.85699999999999998</v>
      </c>
      <c r="I6" s="22"/>
      <c r="J6" s="22"/>
      <c r="K6" s="22"/>
    </row>
    <row r="7" spans="1:11" s="23" customFormat="1">
      <c r="A7" s="78" t="s">
        <v>53</v>
      </c>
      <c r="B7" s="20">
        <v>90</v>
      </c>
      <c r="C7" s="20">
        <v>432</v>
      </c>
      <c r="D7" s="20">
        <v>326</v>
      </c>
      <c r="E7" s="20">
        <v>196</v>
      </c>
      <c r="F7" s="20">
        <v>80</v>
      </c>
      <c r="G7" s="20">
        <v>442</v>
      </c>
    </row>
    <row r="8" spans="1:11">
      <c r="A8" s="79"/>
      <c r="B8" s="21">
        <v>0.17199999999999999</v>
      </c>
      <c r="C8" s="21">
        <v>0.82799999999999996</v>
      </c>
      <c r="D8" s="21">
        <v>0.625</v>
      </c>
      <c r="E8" s="21">
        <v>0.375</v>
      </c>
      <c r="F8" s="21">
        <v>0.153</v>
      </c>
      <c r="G8" s="21">
        <v>0.84699999999999998</v>
      </c>
      <c r="I8" s="22"/>
      <c r="J8" s="22"/>
      <c r="K8" s="22"/>
    </row>
    <row r="9" spans="1:11">
      <c r="A9" s="78" t="s">
        <v>54</v>
      </c>
      <c r="B9" s="20">
        <v>83</v>
      </c>
      <c r="C9" s="20">
        <v>263</v>
      </c>
      <c r="D9" s="20">
        <v>199</v>
      </c>
      <c r="E9" s="20">
        <v>147</v>
      </c>
      <c r="F9" s="20">
        <v>48</v>
      </c>
      <c r="G9" s="20">
        <v>298</v>
      </c>
      <c r="I9" s="22"/>
      <c r="J9" s="22"/>
      <c r="K9" s="22"/>
    </row>
    <row r="10" spans="1:11">
      <c r="A10" s="79"/>
      <c r="B10" s="21">
        <v>0.24</v>
      </c>
      <c r="C10" s="21">
        <v>0.76</v>
      </c>
      <c r="D10" s="21">
        <v>0.57499999999999996</v>
      </c>
      <c r="E10" s="21">
        <v>0.42499999999999999</v>
      </c>
      <c r="F10" s="21">
        <v>0.13900000000000001</v>
      </c>
      <c r="G10" s="21">
        <v>0.86099999999999999</v>
      </c>
      <c r="I10" s="22"/>
      <c r="J10" s="22"/>
      <c r="K10" s="22"/>
    </row>
    <row r="11" spans="1:11" ht="24" customHeight="1">
      <c r="A11" s="78" t="s">
        <v>190</v>
      </c>
      <c r="B11" s="20">
        <v>803</v>
      </c>
      <c r="C11" s="20">
        <v>1703</v>
      </c>
      <c r="D11" s="20">
        <v>1270</v>
      </c>
      <c r="E11" s="20">
        <v>1236</v>
      </c>
      <c r="F11" s="20">
        <v>250</v>
      </c>
      <c r="G11" s="20">
        <v>2256</v>
      </c>
      <c r="I11" s="22"/>
      <c r="J11" s="22"/>
      <c r="K11" s="22"/>
    </row>
    <row r="12" spans="1:11" ht="24" customHeight="1">
      <c r="A12" s="77"/>
      <c r="B12" s="21">
        <v>0.32</v>
      </c>
      <c r="C12" s="21">
        <v>0.68</v>
      </c>
      <c r="D12" s="21">
        <v>0.50700000000000001</v>
      </c>
      <c r="E12" s="21">
        <v>0.49299999999999999</v>
      </c>
      <c r="F12" s="21">
        <v>0.1</v>
      </c>
      <c r="G12" s="21">
        <v>0.9</v>
      </c>
      <c r="I12" s="22"/>
      <c r="J12" s="22"/>
      <c r="K12" s="22"/>
    </row>
    <row r="13" spans="1:11">
      <c r="A13" s="95" t="s">
        <v>22</v>
      </c>
      <c r="B13" s="24">
        <v>2</v>
      </c>
      <c r="C13" s="24">
        <v>5</v>
      </c>
      <c r="D13" s="24">
        <v>4</v>
      </c>
      <c r="E13" s="24">
        <v>3</v>
      </c>
      <c r="F13" s="24">
        <v>0</v>
      </c>
      <c r="G13" s="24">
        <v>7</v>
      </c>
      <c r="H13" s="22"/>
      <c r="I13" s="22"/>
      <c r="J13" s="22"/>
      <c r="K13" s="22"/>
    </row>
    <row r="14" spans="1:11">
      <c r="A14" s="99"/>
      <c r="B14" s="21">
        <v>0.28599999999999998</v>
      </c>
      <c r="C14" s="21">
        <v>0.71399999999999997</v>
      </c>
      <c r="D14" s="21">
        <v>0.57099999999999995</v>
      </c>
      <c r="E14" s="21">
        <v>0.42899999999999999</v>
      </c>
      <c r="F14" s="21">
        <v>0</v>
      </c>
      <c r="G14" s="21">
        <v>1</v>
      </c>
      <c r="I14" s="22"/>
      <c r="J14" s="22"/>
      <c r="K14" s="22"/>
    </row>
    <row r="15" spans="1:11" s="23" customFormat="1">
      <c r="A15" s="73" t="s">
        <v>15</v>
      </c>
      <c r="B15" s="20">
        <v>1528</v>
      </c>
      <c r="C15" s="20">
        <v>4139</v>
      </c>
      <c r="D15" s="20">
        <v>3148</v>
      </c>
      <c r="E15" s="20">
        <v>2519</v>
      </c>
      <c r="F15" s="20">
        <v>706</v>
      </c>
      <c r="G15" s="20">
        <v>4961</v>
      </c>
    </row>
    <row r="16" spans="1:11">
      <c r="A16" s="74"/>
      <c r="B16" s="21">
        <v>0.27</v>
      </c>
      <c r="C16" s="21">
        <v>0.73</v>
      </c>
      <c r="D16" s="21">
        <v>0.55500000000000005</v>
      </c>
      <c r="E16" s="21">
        <v>0.44500000000000001</v>
      </c>
      <c r="F16" s="21">
        <v>0.125</v>
      </c>
      <c r="G16" s="21">
        <v>0.875</v>
      </c>
      <c r="I16" s="22"/>
      <c r="J16" s="22"/>
      <c r="K16" s="22"/>
    </row>
    <row r="17" spans="1:11">
      <c r="A17" s="36"/>
      <c r="B17" s="51"/>
      <c r="C17" s="51"/>
      <c r="D17" s="51"/>
      <c r="E17" s="51"/>
      <c r="F17" s="51"/>
      <c r="G17" s="51"/>
      <c r="I17" s="22"/>
      <c r="J17" s="22"/>
      <c r="K17" s="22"/>
    </row>
    <row r="18" spans="1:11" ht="32.25" customHeight="1">
      <c r="A18" s="84" t="s">
        <v>174</v>
      </c>
      <c r="B18" s="82" t="s">
        <v>160</v>
      </c>
      <c r="C18" s="82"/>
      <c r="D18" s="82" t="s">
        <v>161</v>
      </c>
      <c r="E18" s="82"/>
      <c r="F18" s="82" t="s">
        <v>162</v>
      </c>
      <c r="G18" s="82"/>
      <c r="I18" s="22"/>
      <c r="J18" s="22"/>
      <c r="K18" s="22"/>
    </row>
    <row r="19" spans="1:11">
      <c r="A19" s="84"/>
      <c r="B19" s="11" t="s">
        <v>180</v>
      </c>
      <c r="C19" s="11" t="s">
        <v>181</v>
      </c>
      <c r="D19" s="11" t="s">
        <v>180</v>
      </c>
      <c r="E19" s="11" t="s">
        <v>181</v>
      </c>
      <c r="F19" s="11" t="s">
        <v>180</v>
      </c>
      <c r="G19" s="11" t="s">
        <v>181</v>
      </c>
      <c r="I19" s="22"/>
      <c r="J19" s="22"/>
      <c r="K19" s="22"/>
    </row>
    <row r="20" spans="1:11">
      <c r="A20" s="78" t="s">
        <v>69</v>
      </c>
      <c r="B20" s="20">
        <v>602</v>
      </c>
      <c r="C20" s="20">
        <v>1684</v>
      </c>
      <c r="D20" s="20">
        <v>46</v>
      </c>
      <c r="E20" s="20">
        <v>2240</v>
      </c>
      <c r="F20" s="20">
        <v>146</v>
      </c>
      <c r="G20" s="20">
        <v>2140</v>
      </c>
      <c r="I20" s="22"/>
      <c r="J20" s="22"/>
      <c r="K20" s="22"/>
    </row>
    <row r="21" spans="1:11">
      <c r="A21" s="77"/>
      <c r="B21" s="21">
        <v>0.26300000000000001</v>
      </c>
      <c r="C21" s="21">
        <v>0.73699999999999999</v>
      </c>
      <c r="D21" s="21">
        <v>0.02</v>
      </c>
      <c r="E21" s="21">
        <v>0.98</v>
      </c>
      <c r="F21" s="21">
        <v>6.4000000000000001E-2</v>
      </c>
      <c r="G21" s="21">
        <v>0.93600000000000005</v>
      </c>
      <c r="I21" s="22"/>
      <c r="J21" s="22"/>
      <c r="K21" s="22"/>
    </row>
    <row r="22" spans="1:11">
      <c r="A22" s="78" t="s">
        <v>53</v>
      </c>
      <c r="B22" s="20">
        <v>141</v>
      </c>
      <c r="C22" s="20">
        <v>381</v>
      </c>
      <c r="D22" s="20">
        <v>13</v>
      </c>
      <c r="E22" s="20">
        <v>509</v>
      </c>
      <c r="F22" s="20">
        <v>43</v>
      </c>
      <c r="G22" s="20">
        <v>479</v>
      </c>
      <c r="I22" s="22"/>
      <c r="J22" s="22"/>
      <c r="K22" s="22"/>
    </row>
    <row r="23" spans="1:11">
      <c r="A23" s="79"/>
      <c r="B23" s="21">
        <v>0.27</v>
      </c>
      <c r="C23" s="21">
        <v>0.73</v>
      </c>
      <c r="D23" s="21">
        <v>2.5000000000000001E-2</v>
      </c>
      <c r="E23" s="21">
        <v>0.97499999999999998</v>
      </c>
      <c r="F23" s="21">
        <v>8.2000000000000003E-2</v>
      </c>
      <c r="G23" s="21">
        <v>0.91800000000000004</v>
      </c>
      <c r="I23" s="22"/>
      <c r="J23" s="22"/>
      <c r="K23" s="22"/>
    </row>
    <row r="24" spans="1:11">
      <c r="A24" s="78" t="s">
        <v>54</v>
      </c>
      <c r="B24" s="20">
        <v>67</v>
      </c>
      <c r="C24" s="20">
        <v>279</v>
      </c>
      <c r="D24" s="20">
        <v>6</v>
      </c>
      <c r="E24" s="20">
        <v>340</v>
      </c>
      <c r="F24" s="20">
        <v>22</v>
      </c>
      <c r="G24" s="20">
        <v>324</v>
      </c>
      <c r="I24" s="22"/>
      <c r="J24" s="22"/>
      <c r="K24" s="22"/>
    </row>
    <row r="25" spans="1:11">
      <c r="A25" s="79"/>
      <c r="B25" s="21">
        <v>0.19400000000000001</v>
      </c>
      <c r="C25" s="21">
        <v>0.80600000000000005</v>
      </c>
      <c r="D25" s="21">
        <v>1.7000000000000001E-2</v>
      </c>
      <c r="E25" s="21">
        <v>0.98299999999999998</v>
      </c>
      <c r="F25" s="21">
        <v>6.4000000000000001E-2</v>
      </c>
      <c r="G25" s="21">
        <v>0.93600000000000005</v>
      </c>
      <c r="I25" s="22"/>
      <c r="J25" s="22"/>
      <c r="K25" s="22"/>
    </row>
    <row r="26" spans="1:11" ht="24" customHeight="1">
      <c r="A26" s="78" t="s">
        <v>190</v>
      </c>
      <c r="B26" s="20">
        <v>439</v>
      </c>
      <c r="C26" s="20">
        <v>2067</v>
      </c>
      <c r="D26" s="20">
        <v>16</v>
      </c>
      <c r="E26" s="20">
        <v>2490</v>
      </c>
      <c r="F26" s="20">
        <v>92</v>
      </c>
      <c r="G26" s="20">
        <v>2414</v>
      </c>
      <c r="I26" s="22"/>
      <c r="J26" s="22"/>
      <c r="K26" s="22"/>
    </row>
    <row r="27" spans="1:11" ht="24" customHeight="1">
      <c r="A27" s="77"/>
      <c r="B27" s="21">
        <v>0.17499999999999999</v>
      </c>
      <c r="C27" s="21">
        <v>0.82499999999999996</v>
      </c>
      <c r="D27" s="21">
        <v>6.0000000000000001E-3</v>
      </c>
      <c r="E27" s="21">
        <v>0.99399999999999999</v>
      </c>
      <c r="F27" s="21">
        <v>3.6999999999999998E-2</v>
      </c>
      <c r="G27" s="21">
        <v>0.96299999999999997</v>
      </c>
      <c r="I27" s="22"/>
      <c r="J27" s="22"/>
      <c r="K27" s="22"/>
    </row>
    <row r="28" spans="1:11">
      <c r="A28" s="95" t="s">
        <v>22</v>
      </c>
      <c r="B28" s="24">
        <v>0</v>
      </c>
      <c r="C28" s="24">
        <v>7</v>
      </c>
      <c r="D28" s="24">
        <v>0</v>
      </c>
      <c r="E28" s="24">
        <v>7</v>
      </c>
      <c r="F28" s="24">
        <v>0</v>
      </c>
      <c r="G28" s="24">
        <v>7</v>
      </c>
      <c r="I28" s="22"/>
      <c r="J28" s="22"/>
      <c r="K28" s="22"/>
    </row>
    <row r="29" spans="1:11">
      <c r="A29" s="99"/>
      <c r="B29" s="21">
        <v>0</v>
      </c>
      <c r="C29" s="21">
        <v>1</v>
      </c>
      <c r="D29" s="21">
        <v>0</v>
      </c>
      <c r="E29" s="21">
        <v>1</v>
      </c>
      <c r="F29" s="21">
        <v>0</v>
      </c>
      <c r="G29" s="21">
        <v>1</v>
      </c>
      <c r="I29" s="22"/>
      <c r="J29" s="22"/>
      <c r="K29" s="22"/>
    </row>
    <row r="30" spans="1:11">
      <c r="A30" s="73" t="s">
        <v>15</v>
      </c>
      <c r="B30" s="20">
        <v>1249</v>
      </c>
      <c r="C30" s="20">
        <v>4418</v>
      </c>
      <c r="D30" s="20">
        <v>81</v>
      </c>
      <c r="E30" s="20">
        <v>5586</v>
      </c>
      <c r="F30" s="20">
        <v>303</v>
      </c>
      <c r="G30" s="20">
        <v>5364</v>
      </c>
      <c r="I30" s="22"/>
      <c r="J30" s="22"/>
      <c r="K30" s="22"/>
    </row>
    <row r="31" spans="1:11">
      <c r="A31" s="74"/>
      <c r="B31" s="21">
        <v>0.22</v>
      </c>
      <c r="C31" s="21">
        <v>0.78</v>
      </c>
      <c r="D31" s="21">
        <v>1.4E-2</v>
      </c>
      <c r="E31" s="21">
        <v>0.98599999999999999</v>
      </c>
      <c r="F31" s="21">
        <v>5.2999999999999999E-2</v>
      </c>
      <c r="G31" s="21">
        <v>0.94699999999999995</v>
      </c>
      <c r="I31" s="22"/>
      <c r="J31" s="22"/>
      <c r="K31" s="22"/>
    </row>
    <row r="32" spans="1:11" ht="14.25" customHeight="1">
      <c r="A32" s="110" t="s">
        <v>302</v>
      </c>
      <c r="B32" s="110"/>
      <c r="C32" s="110"/>
      <c r="D32" s="110"/>
      <c r="E32" s="110"/>
      <c r="F32" s="110"/>
      <c r="G32" s="110"/>
      <c r="H32" s="22"/>
      <c r="I32" s="22"/>
      <c r="J32" s="22"/>
      <c r="K32" s="22"/>
    </row>
    <row r="33" spans="1:7">
      <c r="A33" s="111"/>
      <c r="B33" s="111"/>
      <c r="C33" s="111"/>
      <c r="D33" s="111"/>
      <c r="E33" s="111"/>
      <c r="F33" s="111"/>
      <c r="G33" s="111"/>
    </row>
    <row r="34" spans="1:7">
      <c r="B34" s="25"/>
    </row>
    <row r="35" spans="1:7">
      <c r="B35" s="25"/>
    </row>
  </sheetData>
  <mergeCells count="21">
    <mergeCell ref="A3:A4"/>
    <mergeCell ref="B3:C3"/>
    <mergeCell ref="D3:E3"/>
    <mergeCell ref="F3:G3"/>
    <mergeCell ref="A5:A6"/>
    <mergeCell ref="A7:A8"/>
    <mergeCell ref="A9:A10"/>
    <mergeCell ref="A11:A12"/>
    <mergeCell ref="B18:C18"/>
    <mergeCell ref="A18:A19"/>
    <mergeCell ref="F18:G18"/>
    <mergeCell ref="A13:A14"/>
    <mergeCell ref="A15:A16"/>
    <mergeCell ref="D18:E18"/>
    <mergeCell ref="A20:A21"/>
    <mergeCell ref="A32:G33"/>
    <mergeCell ref="A22:A23"/>
    <mergeCell ref="A24:A25"/>
    <mergeCell ref="A26:A27"/>
    <mergeCell ref="A28:A29"/>
    <mergeCell ref="A30:A31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9"/>
  <dimension ref="A1:I35"/>
  <sheetViews>
    <sheetView workbookViewId="0">
      <selection activeCell="A2" sqref="A2"/>
    </sheetView>
  </sheetViews>
  <sheetFormatPr defaultColWidth="9" defaultRowHeight="14.25"/>
  <cols>
    <col min="1" max="1" width="16.625" style="18" customWidth="1"/>
    <col min="2" max="7" width="9.625" style="18" customWidth="1"/>
    <col min="8" max="16384" width="9" style="18"/>
  </cols>
  <sheetData>
    <row r="1" spans="1:9">
      <c r="A1" s="55" t="s">
        <v>527</v>
      </c>
      <c r="B1" s="55"/>
      <c r="C1" s="55"/>
      <c r="D1" s="55"/>
      <c r="E1" s="55"/>
      <c r="F1" s="55"/>
      <c r="G1" s="55"/>
    </row>
    <row r="2" spans="1:9">
      <c r="A2" s="121" t="s">
        <v>613</v>
      </c>
      <c r="B2" s="28"/>
      <c r="C2" s="28"/>
      <c r="D2" s="28"/>
      <c r="E2" s="28"/>
      <c r="F2" s="28"/>
      <c r="G2" s="28"/>
    </row>
    <row r="3" spans="1:9" ht="30" customHeight="1">
      <c r="A3" s="84" t="s">
        <v>174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9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9">
      <c r="A5" s="78" t="s">
        <v>69</v>
      </c>
      <c r="B5" s="20">
        <v>449</v>
      </c>
      <c r="C5" s="20">
        <v>1837</v>
      </c>
      <c r="D5" s="20">
        <v>68</v>
      </c>
      <c r="E5" s="20">
        <v>2218</v>
      </c>
      <c r="F5" s="20">
        <v>356</v>
      </c>
      <c r="G5" s="20">
        <v>1930</v>
      </c>
    </row>
    <row r="6" spans="1:9">
      <c r="A6" s="77"/>
      <c r="B6" s="21">
        <v>0.19600000000000001</v>
      </c>
      <c r="C6" s="21">
        <v>0.80400000000000005</v>
      </c>
      <c r="D6" s="21">
        <v>0.03</v>
      </c>
      <c r="E6" s="21">
        <v>0.97</v>
      </c>
      <c r="F6" s="21">
        <v>0.156</v>
      </c>
      <c r="G6" s="21">
        <v>0.84399999999999997</v>
      </c>
    </row>
    <row r="7" spans="1:9" s="23" customFormat="1">
      <c r="A7" s="78" t="s">
        <v>53</v>
      </c>
      <c r="B7" s="20">
        <v>113</v>
      </c>
      <c r="C7" s="20">
        <v>409</v>
      </c>
      <c r="D7" s="20">
        <v>19</v>
      </c>
      <c r="E7" s="20">
        <v>503</v>
      </c>
      <c r="F7" s="20">
        <v>94</v>
      </c>
      <c r="G7" s="20">
        <v>428</v>
      </c>
    </row>
    <row r="8" spans="1:9">
      <c r="A8" s="79"/>
      <c r="B8" s="21">
        <v>0.216</v>
      </c>
      <c r="C8" s="21">
        <v>0.78400000000000003</v>
      </c>
      <c r="D8" s="21">
        <v>3.5999999999999997E-2</v>
      </c>
      <c r="E8" s="21">
        <v>0.96399999999999997</v>
      </c>
      <c r="F8" s="21">
        <v>0.18</v>
      </c>
      <c r="G8" s="21">
        <v>0.82</v>
      </c>
    </row>
    <row r="9" spans="1:9">
      <c r="A9" s="78" t="s">
        <v>54</v>
      </c>
      <c r="B9" s="20">
        <v>66</v>
      </c>
      <c r="C9" s="20">
        <v>280</v>
      </c>
      <c r="D9" s="20">
        <v>16</v>
      </c>
      <c r="E9" s="20">
        <v>330</v>
      </c>
      <c r="F9" s="20">
        <v>73</v>
      </c>
      <c r="G9" s="20">
        <v>273</v>
      </c>
      <c r="H9" s="22"/>
      <c r="I9" s="22"/>
    </row>
    <row r="10" spans="1:9">
      <c r="A10" s="79"/>
      <c r="B10" s="21">
        <v>0.191</v>
      </c>
      <c r="C10" s="21">
        <v>0.80900000000000005</v>
      </c>
      <c r="D10" s="21">
        <v>4.5999999999999999E-2</v>
      </c>
      <c r="E10" s="21">
        <v>0.95399999999999996</v>
      </c>
      <c r="F10" s="21">
        <v>0.21099999999999999</v>
      </c>
      <c r="G10" s="21">
        <v>0.78900000000000003</v>
      </c>
    </row>
    <row r="11" spans="1:9" ht="24" customHeight="1">
      <c r="A11" s="78" t="s">
        <v>190</v>
      </c>
      <c r="B11" s="20">
        <v>465</v>
      </c>
      <c r="C11" s="20">
        <v>2041</v>
      </c>
      <c r="D11" s="20">
        <v>84</v>
      </c>
      <c r="E11" s="20">
        <v>2422</v>
      </c>
      <c r="F11" s="20">
        <v>325</v>
      </c>
      <c r="G11" s="20">
        <v>2181</v>
      </c>
      <c r="H11" s="22"/>
      <c r="I11" s="22"/>
    </row>
    <row r="12" spans="1:9" ht="24" customHeight="1">
      <c r="A12" s="77"/>
      <c r="B12" s="21">
        <v>0.186</v>
      </c>
      <c r="C12" s="21">
        <v>0.81399999999999995</v>
      </c>
      <c r="D12" s="21">
        <v>3.4000000000000002E-2</v>
      </c>
      <c r="E12" s="21">
        <v>0.96599999999999997</v>
      </c>
      <c r="F12" s="21">
        <v>0.13</v>
      </c>
      <c r="G12" s="21">
        <v>0.87</v>
      </c>
    </row>
    <row r="13" spans="1:9">
      <c r="A13" s="95" t="s">
        <v>22</v>
      </c>
      <c r="B13" s="24">
        <v>0</v>
      </c>
      <c r="C13" s="24">
        <v>7</v>
      </c>
      <c r="D13" s="24">
        <v>0</v>
      </c>
      <c r="E13" s="24">
        <v>7</v>
      </c>
      <c r="F13" s="24">
        <v>0</v>
      </c>
      <c r="G13" s="24">
        <v>7</v>
      </c>
      <c r="H13" s="22"/>
      <c r="I13" s="22"/>
    </row>
    <row r="14" spans="1:9">
      <c r="A14" s="99"/>
      <c r="B14" s="21">
        <v>0</v>
      </c>
      <c r="C14" s="21">
        <v>1</v>
      </c>
      <c r="D14" s="21">
        <v>0</v>
      </c>
      <c r="E14" s="21">
        <v>1</v>
      </c>
      <c r="F14" s="21">
        <v>0</v>
      </c>
      <c r="G14" s="21">
        <v>1</v>
      </c>
    </row>
    <row r="15" spans="1:9" s="23" customFormat="1">
      <c r="A15" s="73" t="s">
        <v>15</v>
      </c>
      <c r="B15" s="20">
        <v>1093</v>
      </c>
      <c r="C15" s="20">
        <v>4574</v>
      </c>
      <c r="D15" s="20">
        <v>187</v>
      </c>
      <c r="E15" s="20">
        <v>5480</v>
      </c>
      <c r="F15" s="20">
        <v>848</v>
      </c>
      <c r="G15" s="20">
        <v>4819</v>
      </c>
    </row>
    <row r="16" spans="1:9">
      <c r="A16" s="74"/>
      <c r="B16" s="21">
        <v>0.193</v>
      </c>
      <c r="C16" s="21">
        <v>0.80700000000000005</v>
      </c>
      <c r="D16" s="21">
        <v>3.3000000000000002E-2</v>
      </c>
      <c r="E16" s="21">
        <v>0.96699999999999997</v>
      </c>
      <c r="F16" s="21">
        <v>0.15</v>
      </c>
      <c r="G16" s="21">
        <v>0.85</v>
      </c>
    </row>
    <row r="17" spans="1:9">
      <c r="A17" s="36"/>
      <c r="B17" s="51"/>
      <c r="C17" s="51"/>
      <c r="D17" s="51"/>
      <c r="E17" s="51"/>
      <c r="F17" s="51"/>
      <c r="G17" s="51"/>
    </row>
    <row r="18" spans="1:9" ht="30" customHeight="1">
      <c r="A18" s="84" t="s">
        <v>174</v>
      </c>
      <c r="B18" s="82" t="s">
        <v>166</v>
      </c>
      <c r="C18" s="82"/>
      <c r="D18" s="52"/>
      <c r="E18" s="52"/>
      <c r="F18" s="52"/>
      <c r="G18" s="52"/>
    </row>
    <row r="19" spans="1:9">
      <c r="A19" s="84"/>
      <c r="B19" s="11" t="s">
        <v>180</v>
      </c>
      <c r="C19" s="11" t="s">
        <v>181</v>
      </c>
      <c r="D19" s="52"/>
      <c r="E19" s="52"/>
      <c r="F19" s="52"/>
      <c r="G19" s="52"/>
    </row>
    <row r="20" spans="1:9">
      <c r="A20" s="78" t="s">
        <v>69</v>
      </c>
      <c r="B20" s="20">
        <v>51</v>
      </c>
      <c r="C20" s="20">
        <v>2235</v>
      </c>
      <c r="D20" s="52"/>
      <c r="E20" s="52"/>
      <c r="F20" s="52"/>
      <c r="G20" s="52"/>
    </row>
    <row r="21" spans="1:9">
      <c r="A21" s="77"/>
      <c r="B21" s="21">
        <v>2.1999999999999999E-2</v>
      </c>
      <c r="C21" s="21">
        <v>0.97799999999999998</v>
      </c>
      <c r="D21" s="52"/>
      <c r="E21" s="52"/>
      <c r="F21" s="52"/>
      <c r="G21" s="52"/>
    </row>
    <row r="22" spans="1:9">
      <c r="A22" s="78" t="s">
        <v>53</v>
      </c>
      <c r="B22" s="20">
        <v>8</v>
      </c>
      <c r="C22" s="20">
        <v>514</v>
      </c>
      <c r="D22" s="52"/>
      <c r="E22" s="52"/>
      <c r="F22" s="52"/>
      <c r="G22" s="52"/>
    </row>
    <row r="23" spans="1:9">
      <c r="A23" s="79"/>
      <c r="B23" s="21">
        <v>1.4999999999999999E-2</v>
      </c>
      <c r="C23" s="21">
        <v>0.98499999999999999</v>
      </c>
      <c r="D23" s="52"/>
      <c r="E23" s="52"/>
      <c r="F23" s="52"/>
      <c r="G23" s="52"/>
    </row>
    <row r="24" spans="1:9">
      <c r="A24" s="78" t="s">
        <v>54</v>
      </c>
      <c r="B24" s="20">
        <v>3</v>
      </c>
      <c r="C24" s="20">
        <v>343</v>
      </c>
      <c r="D24" s="52"/>
      <c r="E24" s="52"/>
      <c r="F24" s="52"/>
      <c r="G24" s="52"/>
    </row>
    <row r="25" spans="1:9">
      <c r="A25" s="79"/>
      <c r="B25" s="21">
        <v>8.9999999999999993E-3</v>
      </c>
      <c r="C25" s="21">
        <v>0.99099999999999999</v>
      </c>
      <c r="D25" s="52"/>
      <c r="E25" s="52"/>
      <c r="F25" s="52"/>
      <c r="G25" s="52"/>
    </row>
    <row r="26" spans="1:9" ht="24" customHeight="1">
      <c r="A26" s="78" t="s">
        <v>190</v>
      </c>
      <c r="B26" s="20">
        <v>69</v>
      </c>
      <c r="C26" s="20">
        <v>2437</v>
      </c>
      <c r="D26" s="52"/>
      <c r="E26" s="52"/>
      <c r="F26" s="52"/>
      <c r="G26" s="52"/>
    </row>
    <row r="27" spans="1:9" ht="24" customHeight="1">
      <c r="A27" s="77"/>
      <c r="B27" s="21">
        <v>2.8000000000000001E-2</v>
      </c>
      <c r="C27" s="21">
        <v>0.97199999999999998</v>
      </c>
      <c r="D27" s="52"/>
      <c r="E27" s="52"/>
      <c r="F27" s="52"/>
      <c r="G27" s="52"/>
    </row>
    <row r="28" spans="1:9">
      <c r="A28" s="95" t="s">
        <v>22</v>
      </c>
      <c r="B28" s="24">
        <v>0</v>
      </c>
      <c r="C28" s="24">
        <v>7</v>
      </c>
      <c r="D28" s="52"/>
      <c r="E28" s="52"/>
      <c r="F28" s="52"/>
      <c r="G28" s="52"/>
    </row>
    <row r="29" spans="1:9">
      <c r="A29" s="99"/>
      <c r="B29" s="21">
        <v>0</v>
      </c>
      <c r="C29" s="21">
        <v>1</v>
      </c>
      <c r="D29" s="52"/>
      <c r="E29" s="52"/>
      <c r="F29" s="52"/>
      <c r="G29" s="52"/>
    </row>
    <row r="30" spans="1:9">
      <c r="A30" s="73" t="s">
        <v>15</v>
      </c>
      <c r="B30" s="20">
        <v>131</v>
      </c>
      <c r="C30" s="20">
        <v>5536</v>
      </c>
      <c r="D30" s="52"/>
      <c r="E30" s="52"/>
      <c r="F30" s="52"/>
      <c r="G30" s="52"/>
    </row>
    <row r="31" spans="1:9">
      <c r="A31" s="74"/>
      <c r="B31" s="21">
        <v>2.3E-2</v>
      </c>
      <c r="C31" s="21">
        <v>0.97699999999999998</v>
      </c>
      <c r="D31" s="52"/>
      <c r="E31" s="52"/>
      <c r="F31" s="52"/>
      <c r="G31" s="52"/>
    </row>
    <row r="32" spans="1:9" ht="14.25" customHeight="1">
      <c r="A32" s="71" t="s">
        <v>302</v>
      </c>
      <c r="B32" s="71"/>
      <c r="C32" s="71"/>
      <c r="D32" s="14"/>
      <c r="E32" s="14"/>
      <c r="F32" s="14"/>
      <c r="G32" s="14"/>
      <c r="H32" s="22"/>
      <c r="I32" s="22"/>
    </row>
    <row r="33" spans="1:3">
      <c r="A33" s="109"/>
      <c r="B33" s="109"/>
      <c r="C33" s="109"/>
    </row>
    <row r="34" spans="1:3">
      <c r="A34" s="109"/>
      <c r="B34" s="109"/>
      <c r="C34" s="109"/>
    </row>
    <row r="35" spans="1:3">
      <c r="A35" s="109"/>
      <c r="B35" s="109"/>
      <c r="C35" s="109"/>
    </row>
  </sheetData>
  <mergeCells count="19">
    <mergeCell ref="A3:A4"/>
    <mergeCell ref="B3:C3"/>
    <mergeCell ref="D3:E3"/>
    <mergeCell ref="F3:G3"/>
    <mergeCell ref="A15:A16"/>
    <mergeCell ref="A5:A6"/>
    <mergeCell ref="A7:A8"/>
    <mergeCell ref="A9:A10"/>
    <mergeCell ref="A11:A12"/>
    <mergeCell ref="A13:A14"/>
    <mergeCell ref="A28:A29"/>
    <mergeCell ref="A30:A31"/>
    <mergeCell ref="B18:C18"/>
    <mergeCell ref="A32:C35"/>
    <mergeCell ref="A18:A19"/>
    <mergeCell ref="A20:A21"/>
    <mergeCell ref="A22:A23"/>
    <mergeCell ref="A24:A25"/>
    <mergeCell ref="A26:A2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0"/>
  <dimension ref="A1:Q18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5" width="9" style="18" customWidth="1"/>
    <col min="6" max="16384" width="9" style="18"/>
  </cols>
  <sheetData>
    <row r="1" spans="1:17">
      <c r="A1" s="70" t="s">
        <v>535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66</v>
      </c>
      <c r="B3" s="76" t="s">
        <v>124</v>
      </c>
      <c r="C3" s="76"/>
      <c r="D3" s="76"/>
      <c r="E3" s="76"/>
    </row>
    <row r="4" spans="1:17" ht="28.5">
      <c r="A4" s="84"/>
      <c r="B4" s="11" t="s">
        <v>193</v>
      </c>
      <c r="C4" s="11" t="s">
        <v>194</v>
      </c>
      <c r="D4" s="11" t="s">
        <v>22</v>
      </c>
      <c r="E4" s="11" t="s">
        <v>15</v>
      </c>
    </row>
    <row r="5" spans="1:17">
      <c r="A5" s="78" t="s">
        <v>69</v>
      </c>
      <c r="B5" s="20">
        <v>1707</v>
      </c>
      <c r="C5" s="20">
        <v>689</v>
      </c>
      <c r="D5" s="20">
        <v>8</v>
      </c>
      <c r="E5" s="20">
        <v>2404</v>
      </c>
    </row>
    <row r="6" spans="1:17">
      <c r="A6" s="77"/>
      <c r="B6" s="21">
        <v>0.71</v>
      </c>
      <c r="C6" s="21">
        <v>0.28699999999999998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53</v>
      </c>
      <c r="B7" s="24">
        <v>385</v>
      </c>
      <c r="C7" s="24">
        <v>177</v>
      </c>
      <c r="D7" s="24">
        <v>0</v>
      </c>
      <c r="E7" s="20">
        <v>562</v>
      </c>
      <c r="J7" s="22"/>
      <c r="K7" s="22"/>
      <c r="L7" s="22"/>
      <c r="M7" s="22"/>
      <c r="N7" s="22"/>
    </row>
    <row r="8" spans="1:17">
      <c r="A8" s="79"/>
      <c r="B8" s="21">
        <v>0.68500000000000005</v>
      </c>
      <c r="C8" s="21">
        <v>0.315</v>
      </c>
      <c r="D8" s="21">
        <v>0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54</v>
      </c>
      <c r="B9" s="24">
        <v>251</v>
      </c>
      <c r="C9" s="24">
        <v>113</v>
      </c>
      <c r="D9" s="24">
        <v>4</v>
      </c>
      <c r="E9" s="20">
        <v>368</v>
      </c>
      <c r="J9" s="22"/>
      <c r="K9" s="22"/>
      <c r="L9" s="22"/>
      <c r="M9" s="22"/>
      <c r="N9" s="22"/>
      <c r="O9" s="22"/>
      <c r="P9" s="22"/>
      <c r="Q9" s="22"/>
    </row>
    <row r="10" spans="1:17">
      <c r="A10" s="79"/>
      <c r="B10" s="21">
        <v>0.68200000000000005</v>
      </c>
      <c r="C10" s="21">
        <v>0.307</v>
      </c>
      <c r="D10" s="21">
        <v>1.0999999999999999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604</v>
      </c>
      <c r="B11" s="20">
        <v>1658</v>
      </c>
      <c r="C11" s="20">
        <v>1061</v>
      </c>
      <c r="D11" s="20">
        <v>5</v>
      </c>
      <c r="E11" s="20">
        <v>2724</v>
      </c>
      <c r="J11" s="22"/>
      <c r="K11" s="22"/>
      <c r="L11" s="22"/>
      <c r="M11" s="22"/>
      <c r="N11" s="22"/>
      <c r="O11" s="22"/>
      <c r="P11" s="22"/>
      <c r="Q11" s="22"/>
    </row>
    <row r="12" spans="1:17">
      <c r="A12" s="77"/>
      <c r="B12" s="21">
        <v>0.60899999999999999</v>
      </c>
      <c r="C12" s="21">
        <v>0.39</v>
      </c>
      <c r="D12" s="21">
        <v>2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95" t="s">
        <v>22</v>
      </c>
      <c r="B13" s="24">
        <v>4</v>
      </c>
      <c r="C13" s="24">
        <v>5</v>
      </c>
      <c r="D13" s="24">
        <v>3</v>
      </c>
      <c r="E13" s="24">
        <v>12</v>
      </c>
    </row>
    <row r="14" spans="1:17">
      <c r="A14" s="99"/>
      <c r="B14" s="21">
        <v>0.33300000000000002</v>
      </c>
      <c r="C14" s="21">
        <v>0.41699999999999998</v>
      </c>
      <c r="D14" s="21">
        <v>0.25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4005</v>
      </c>
      <c r="C15" s="20">
        <v>2045</v>
      </c>
      <c r="D15" s="20">
        <v>20</v>
      </c>
      <c r="E15" s="20">
        <v>6070</v>
      </c>
    </row>
    <row r="16" spans="1:17">
      <c r="A16" s="74"/>
      <c r="B16" s="21">
        <v>0.66</v>
      </c>
      <c r="C16" s="21">
        <v>0.33700000000000002</v>
      </c>
      <c r="D16" s="21">
        <v>3.0000000000000001E-3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5">
      <c r="A17" s="80" t="s">
        <v>225</v>
      </c>
      <c r="B17" s="98"/>
      <c r="C17" s="98"/>
      <c r="D17" s="98"/>
      <c r="E17" s="98"/>
      <c r="J17" s="22"/>
      <c r="K17" s="22"/>
      <c r="L17" s="22"/>
      <c r="M17" s="22"/>
      <c r="N17" s="22"/>
    </row>
    <row r="18" spans="1:15">
      <c r="A18" s="25"/>
      <c r="B18" s="25"/>
      <c r="C18" s="25"/>
      <c r="D18" s="25"/>
      <c r="E18" s="25"/>
      <c r="J18" s="22"/>
      <c r="K18" s="22"/>
      <c r="L18" s="22"/>
      <c r="M18" s="22"/>
      <c r="N18" s="22"/>
      <c r="O18" s="22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1"/>
  <dimension ref="A1:Q19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5" width="9" style="18" customWidth="1"/>
    <col min="6" max="16384" width="9" style="18"/>
  </cols>
  <sheetData>
    <row r="1" spans="1:17">
      <c r="A1" s="70" t="s">
        <v>53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66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69</v>
      </c>
      <c r="B5" s="20">
        <v>1104</v>
      </c>
      <c r="C5" s="20">
        <v>558</v>
      </c>
      <c r="D5" s="20">
        <v>45</v>
      </c>
      <c r="E5" s="20">
        <v>1707</v>
      </c>
    </row>
    <row r="6" spans="1:17">
      <c r="A6" s="77"/>
      <c r="B6" s="21">
        <v>0.64700000000000002</v>
      </c>
      <c r="C6" s="21">
        <v>0.32700000000000001</v>
      </c>
      <c r="D6" s="21">
        <v>2.5999999999999999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53</v>
      </c>
      <c r="B7" s="24">
        <v>250</v>
      </c>
      <c r="C7" s="24">
        <v>125</v>
      </c>
      <c r="D7" s="24">
        <v>10</v>
      </c>
      <c r="E7" s="20">
        <v>385</v>
      </c>
      <c r="J7" s="22"/>
      <c r="K7" s="22"/>
      <c r="L7" s="22"/>
      <c r="M7" s="22"/>
      <c r="N7" s="22"/>
    </row>
    <row r="8" spans="1:17">
      <c r="A8" s="79"/>
      <c r="B8" s="21">
        <v>0.64900000000000002</v>
      </c>
      <c r="C8" s="21">
        <v>0.32500000000000001</v>
      </c>
      <c r="D8" s="21">
        <v>2.5999999999999999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54</v>
      </c>
      <c r="B9" s="24">
        <v>146</v>
      </c>
      <c r="C9" s="24">
        <v>100</v>
      </c>
      <c r="D9" s="24">
        <v>5</v>
      </c>
      <c r="E9" s="20">
        <v>251</v>
      </c>
      <c r="J9" s="22"/>
      <c r="K9" s="22"/>
      <c r="L9" s="22"/>
      <c r="M9" s="22"/>
      <c r="N9" s="22"/>
      <c r="O9" s="22"/>
      <c r="P9" s="22"/>
      <c r="Q9" s="22"/>
    </row>
    <row r="10" spans="1:17">
      <c r="A10" s="79"/>
      <c r="B10" s="21">
        <v>0.58199999999999996</v>
      </c>
      <c r="C10" s="21">
        <v>0.39800000000000002</v>
      </c>
      <c r="D10" s="21">
        <v>0.0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604</v>
      </c>
      <c r="B11" s="20">
        <v>950</v>
      </c>
      <c r="C11" s="20">
        <v>674</v>
      </c>
      <c r="D11" s="20">
        <v>34</v>
      </c>
      <c r="E11" s="20">
        <v>1658</v>
      </c>
      <c r="J11" s="22"/>
      <c r="K11" s="22"/>
      <c r="L11" s="22"/>
      <c r="M11" s="22"/>
      <c r="N11" s="22"/>
      <c r="O11" s="22"/>
      <c r="P11" s="22"/>
      <c r="Q11" s="22"/>
    </row>
    <row r="12" spans="1:17">
      <c r="A12" s="77"/>
      <c r="B12" s="21">
        <v>0.57299999999999995</v>
      </c>
      <c r="C12" s="21">
        <v>0.40699999999999997</v>
      </c>
      <c r="D12" s="21">
        <v>2.1000000000000001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95" t="s">
        <v>22</v>
      </c>
      <c r="B13" s="24">
        <v>4</v>
      </c>
      <c r="C13" s="24">
        <v>0</v>
      </c>
      <c r="D13" s="24">
        <v>0</v>
      </c>
      <c r="E13" s="24">
        <v>4</v>
      </c>
    </row>
    <row r="14" spans="1:17">
      <c r="A14" s="99"/>
      <c r="B14" s="21">
        <v>1</v>
      </c>
      <c r="C14" s="21">
        <v>0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2454</v>
      </c>
      <c r="C15" s="20">
        <v>1457</v>
      </c>
      <c r="D15" s="20">
        <v>94</v>
      </c>
      <c r="E15" s="20">
        <v>4005</v>
      </c>
    </row>
    <row r="16" spans="1:17">
      <c r="A16" s="74"/>
      <c r="B16" s="21">
        <v>0.61299999999999999</v>
      </c>
      <c r="C16" s="21">
        <v>0.36399999999999999</v>
      </c>
      <c r="D16" s="21">
        <v>2.3E-2</v>
      </c>
      <c r="E16" s="21">
        <v>1</v>
      </c>
      <c r="J16" s="22"/>
      <c r="K16" s="22"/>
      <c r="L16" s="22"/>
      <c r="M16" s="22"/>
      <c r="N16" s="22"/>
      <c r="O16" s="22"/>
      <c r="P16" s="22"/>
      <c r="Q16" s="22"/>
    </row>
    <row r="17" spans="1:15" ht="14.25" customHeight="1">
      <c r="A17" s="80" t="s">
        <v>216</v>
      </c>
      <c r="B17" s="80"/>
      <c r="C17" s="80"/>
      <c r="D17" s="80"/>
      <c r="E17" s="80"/>
      <c r="J17" s="22"/>
      <c r="K17" s="22"/>
      <c r="L17" s="22"/>
      <c r="M17" s="22"/>
      <c r="N17" s="22"/>
    </row>
    <row r="18" spans="1:15">
      <c r="A18" s="108"/>
      <c r="B18" s="108"/>
      <c r="C18" s="108"/>
      <c r="D18" s="108"/>
      <c r="E18" s="108"/>
      <c r="J18" s="22"/>
      <c r="K18" s="22"/>
      <c r="L18" s="22"/>
      <c r="M18" s="22"/>
      <c r="N18" s="22"/>
      <c r="O18" s="22"/>
    </row>
    <row r="19" spans="1:15">
      <c r="A19" s="108"/>
      <c r="B19" s="108"/>
      <c r="C19" s="108"/>
      <c r="D19" s="108"/>
      <c r="E19" s="108"/>
    </row>
  </sheetData>
  <mergeCells count="10">
    <mergeCell ref="A17:E19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2"/>
  <dimension ref="A1:S18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3" width="9" style="18" customWidth="1"/>
    <col min="4" max="5" width="9.5" style="18" bestFit="1" customWidth="1"/>
    <col min="6" max="7" width="9" style="18" customWidth="1"/>
    <col min="8" max="16384" width="9" style="18"/>
  </cols>
  <sheetData>
    <row r="1" spans="1:19">
      <c r="A1" s="70" t="s">
        <v>533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66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212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8" t="s">
        <v>69</v>
      </c>
      <c r="B5" s="20">
        <v>173</v>
      </c>
      <c r="C5" s="20">
        <v>535</v>
      </c>
      <c r="D5" s="20">
        <v>727</v>
      </c>
      <c r="E5" s="20">
        <v>961</v>
      </c>
      <c r="F5" s="20">
        <v>8</v>
      </c>
      <c r="G5" s="20">
        <v>2404</v>
      </c>
    </row>
    <row r="6" spans="1:19">
      <c r="A6" s="77"/>
      <c r="B6" s="21">
        <v>7.1999999999999995E-2</v>
      </c>
      <c r="C6" s="21">
        <v>0.223</v>
      </c>
      <c r="D6" s="21">
        <v>0.30199999999999999</v>
      </c>
      <c r="E6" s="21">
        <v>0.4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53</v>
      </c>
      <c r="B7" s="24">
        <v>39</v>
      </c>
      <c r="C7" s="24">
        <v>120</v>
      </c>
      <c r="D7" s="24">
        <v>162</v>
      </c>
      <c r="E7" s="24">
        <v>241</v>
      </c>
      <c r="F7" s="24">
        <v>0</v>
      </c>
      <c r="G7" s="20">
        <v>562</v>
      </c>
      <c r="L7" s="22"/>
      <c r="M7" s="22"/>
      <c r="N7" s="22"/>
      <c r="O7" s="22"/>
      <c r="P7" s="22"/>
    </row>
    <row r="8" spans="1:19">
      <c r="A8" s="79"/>
      <c r="B8" s="21">
        <v>6.9000000000000006E-2</v>
      </c>
      <c r="C8" s="21">
        <v>0.214</v>
      </c>
      <c r="D8" s="21">
        <v>0.28799999999999998</v>
      </c>
      <c r="E8" s="21">
        <v>0.42899999999999999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54</v>
      </c>
      <c r="B9" s="24">
        <v>35</v>
      </c>
      <c r="C9" s="24">
        <v>100</v>
      </c>
      <c r="D9" s="24">
        <v>101</v>
      </c>
      <c r="E9" s="24">
        <v>130</v>
      </c>
      <c r="F9" s="24">
        <v>2</v>
      </c>
      <c r="G9" s="20">
        <v>368</v>
      </c>
      <c r="L9" s="22"/>
      <c r="M9" s="22"/>
      <c r="N9" s="22"/>
      <c r="O9" s="22"/>
      <c r="P9" s="22"/>
      <c r="Q9" s="22"/>
      <c r="R9" s="22"/>
      <c r="S9" s="22"/>
    </row>
    <row r="10" spans="1:19">
      <c r="A10" s="79"/>
      <c r="B10" s="21">
        <v>9.5000000000000001E-2</v>
      </c>
      <c r="C10" s="21">
        <v>0.27200000000000002</v>
      </c>
      <c r="D10" s="21">
        <v>0.27400000000000002</v>
      </c>
      <c r="E10" s="21">
        <v>0.35299999999999998</v>
      </c>
      <c r="F10" s="21">
        <v>5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604</v>
      </c>
      <c r="B11" s="20">
        <v>187</v>
      </c>
      <c r="C11" s="20">
        <v>667</v>
      </c>
      <c r="D11" s="20">
        <v>837</v>
      </c>
      <c r="E11" s="20">
        <v>1027</v>
      </c>
      <c r="F11" s="20">
        <v>6</v>
      </c>
      <c r="G11" s="20">
        <v>2724</v>
      </c>
      <c r="L11" s="22"/>
      <c r="M11" s="22"/>
      <c r="N11" s="22"/>
      <c r="O11" s="22"/>
      <c r="P11" s="22"/>
      <c r="Q11" s="22"/>
      <c r="R11" s="22"/>
      <c r="S11" s="22"/>
    </row>
    <row r="12" spans="1:19">
      <c r="A12" s="77"/>
      <c r="B12" s="21">
        <v>6.9000000000000006E-2</v>
      </c>
      <c r="C12" s="21">
        <v>0.245</v>
      </c>
      <c r="D12" s="21">
        <v>0.307</v>
      </c>
      <c r="E12" s="21">
        <v>0.377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95" t="s">
        <v>22</v>
      </c>
      <c r="B13" s="24">
        <v>1</v>
      </c>
      <c r="C13" s="24">
        <v>2</v>
      </c>
      <c r="D13" s="24">
        <v>4</v>
      </c>
      <c r="E13" s="24">
        <v>2</v>
      </c>
      <c r="F13" s="24">
        <v>3</v>
      </c>
      <c r="G13" s="24">
        <v>12</v>
      </c>
    </row>
    <row r="14" spans="1:19">
      <c r="A14" s="99"/>
      <c r="B14" s="21">
        <v>8.3000000000000004E-2</v>
      </c>
      <c r="C14" s="21">
        <v>0.16700000000000001</v>
      </c>
      <c r="D14" s="21">
        <v>0.33300000000000002</v>
      </c>
      <c r="E14" s="21">
        <v>0.16700000000000001</v>
      </c>
      <c r="F14" s="21">
        <v>0.25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s="23" customFormat="1">
      <c r="A15" s="73" t="s">
        <v>15</v>
      </c>
      <c r="B15" s="20">
        <v>435</v>
      </c>
      <c r="C15" s="20">
        <v>1424</v>
      </c>
      <c r="D15" s="20">
        <v>1831</v>
      </c>
      <c r="E15" s="20">
        <v>2361</v>
      </c>
      <c r="F15" s="20">
        <v>19</v>
      </c>
      <c r="G15" s="20">
        <v>6070</v>
      </c>
    </row>
    <row r="16" spans="1:19">
      <c r="A16" s="74"/>
      <c r="B16" s="21">
        <v>7.1999999999999995E-2</v>
      </c>
      <c r="C16" s="21">
        <v>0.23499999999999999</v>
      </c>
      <c r="D16" s="21">
        <v>0.30199999999999999</v>
      </c>
      <c r="E16" s="21">
        <v>0.38900000000000001</v>
      </c>
      <c r="F16" s="21">
        <v>3.0000000000000001E-3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7">
      <c r="A17" s="80" t="s">
        <v>217</v>
      </c>
      <c r="B17" s="98"/>
      <c r="C17" s="98"/>
      <c r="D17" s="98"/>
      <c r="E17" s="98"/>
      <c r="F17" s="98"/>
      <c r="G17" s="98"/>
      <c r="L17" s="22"/>
      <c r="M17" s="22"/>
      <c r="N17" s="22"/>
      <c r="O17" s="22"/>
      <c r="P17" s="22"/>
    </row>
    <row r="18" spans="1:17">
      <c r="A18" s="25"/>
      <c r="B18" s="25"/>
      <c r="C18" s="25"/>
      <c r="D18" s="25"/>
      <c r="E18" s="25"/>
      <c r="F18" s="25"/>
      <c r="G18" s="25"/>
      <c r="L18" s="22"/>
      <c r="M18" s="22"/>
      <c r="N18" s="22"/>
      <c r="O18" s="22"/>
      <c r="P18" s="22"/>
      <c r="Q18" s="22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"/>
  <dimension ref="A1:R25"/>
  <sheetViews>
    <sheetView workbookViewId="0">
      <selection activeCell="A2" sqref="A2"/>
    </sheetView>
  </sheetViews>
  <sheetFormatPr defaultColWidth="9" defaultRowHeight="14.25"/>
  <cols>
    <col min="1" max="1" width="9" style="18" customWidth="1"/>
    <col min="2" max="4" width="9.5" style="18" bestFit="1" customWidth="1"/>
    <col min="5" max="6" width="9" style="18" customWidth="1"/>
    <col min="7" max="16384" width="9" style="18"/>
  </cols>
  <sheetData>
    <row r="1" spans="1:18">
      <c r="A1" s="70" t="s">
        <v>282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136</v>
      </c>
      <c r="B3" s="76" t="s">
        <v>31</v>
      </c>
      <c r="C3" s="76"/>
      <c r="D3" s="76"/>
      <c r="E3" s="76"/>
      <c r="F3" s="76"/>
    </row>
    <row r="4" spans="1:18" ht="28.5">
      <c r="A4" s="75"/>
      <c r="B4" s="12" t="s">
        <v>26</v>
      </c>
      <c r="C4" s="11" t="s">
        <v>179</v>
      </c>
      <c r="D4" s="11" t="s">
        <v>28</v>
      </c>
      <c r="E4" s="11" t="s">
        <v>22</v>
      </c>
      <c r="F4" s="11" t="s">
        <v>15</v>
      </c>
    </row>
    <row r="5" spans="1:18">
      <c r="A5" s="73" t="s">
        <v>114</v>
      </c>
      <c r="B5" s="20">
        <v>1047</v>
      </c>
      <c r="C5" s="20">
        <v>1550</v>
      </c>
      <c r="D5" s="20">
        <v>156</v>
      </c>
      <c r="E5" s="20">
        <v>7</v>
      </c>
      <c r="F5" s="20">
        <v>2760</v>
      </c>
    </row>
    <row r="6" spans="1:18">
      <c r="A6" s="77"/>
      <c r="B6" s="21">
        <v>0.379</v>
      </c>
      <c r="C6" s="21">
        <v>0.56200000000000006</v>
      </c>
      <c r="D6" s="21">
        <v>5.7000000000000002E-2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15</v>
      </c>
      <c r="B7" s="20">
        <v>714</v>
      </c>
      <c r="C7" s="20">
        <v>2027</v>
      </c>
      <c r="D7" s="20">
        <v>547</v>
      </c>
      <c r="E7" s="20">
        <v>6</v>
      </c>
      <c r="F7" s="20">
        <v>3294</v>
      </c>
    </row>
    <row r="8" spans="1:18">
      <c r="A8" s="74"/>
      <c r="B8" s="21">
        <v>0.217</v>
      </c>
      <c r="C8" s="21">
        <v>0.61499999999999999</v>
      </c>
      <c r="D8" s="21">
        <v>0.16600000000000001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2</v>
      </c>
      <c r="B9" s="24">
        <v>6</v>
      </c>
      <c r="C9" s="24">
        <v>9</v>
      </c>
      <c r="D9" s="24">
        <v>1</v>
      </c>
      <c r="E9" s="24">
        <v>0</v>
      </c>
      <c r="F9" s="24">
        <v>16</v>
      </c>
      <c r="K9" s="22"/>
      <c r="L9" s="22"/>
      <c r="M9" s="22"/>
      <c r="N9" s="22"/>
      <c r="O9" s="22"/>
    </row>
    <row r="10" spans="1:18">
      <c r="A10" s="74"/>
      <c r="B10" s="21">
        <v>0.375</v>
      </c>
      <c r="C10" s="21">
        <v>0.56299999999999994</v>
      </c>
      <c r="D10" s="21">
        <v>6.3E-2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8" t="s">
        <v>15</v>
      </c>
      <c r="B11" s="20">
        <v>1767</v>
      </c>
      <c r="C11" s="20">
        <v>3586</v>
      </c>
      <c r="D11" s="20">
        <v>704</v>
      </c>
      <c r="E11" s="20">
        <v>13</v>
      </c>
      <c r="F11" s="20">
        <v>6070</v>
      </c>
    </row>
    <row r="12" spans="1:18">
      <c r="A12" s="79"/>
      <c r="B12" s="21">
        <v>0.29099999999999998</v>
      </c>
      <c r="C12" s="21">
        <v>0.59099999999999997</v>
      </c>
      <c r="D12" s="21">
        <v>0.11600000000000001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199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  <c r="Q14" s="22"/>
      <c r="R14" s="22"/>
    </row>
    <row r="15" spans="1:18">
      <c r="K15" s="22"/>
      <c r="L15" s="22"/>
      <c r="M15" s="22"/>
      <c r="N15" s="22"/>
      <c r="O15" s="22"/>
    </row>
    <row r="16" spans="1:18">
      <c r="K16" s="22"/>
      <c r="L16" s="22"/>
      <c r="M16" s="22"/>
      <c r="N16" s="22"/>
      <c r="O16" s="22"/>
      <c r="P16" s="22"/>
      <c r="Q16" s="22"/>
      <c r="R16" s="22"/>
    </row>
    <row r="17" spans="11:18">
      <c r="K17" s="22"/>
      <c r="L17" s="22"/>
      <c r="M17" s="22"/>
      <c r="N17" s="22"/>
      <c r="O17" s="22"/>
    </row>
    <row r="18" spans="11:18">
      <c r="K18" s="22"/>
      <c r="L18" s="22"/>
      <c r="M18" s="22"/>
      <c r="N18" s="22"/>
      <c r="O18" s="22"/>
      <c r="P18" s="22"/>
      <c r="Q18" s="22"/>
      <c r="R18" s="22"/>
    </row>
    <row r="19" spans="11:18">
      <c r="K19" s="22"/>
      <c r="L19" s="22"/>
      <c r="M19" s="22"/>
      <c r="N19" s="22"/>
      <c r="O19" s="22"/>
    </row>
    <row r="20" spans="11:18">
      <c r="K20" s="22"/>
      <c r="L20" s="22"/>
      <c r="M20" s="22"/>
      <c r="N20" s="22"/>
      <c r="O20" s="22"/>
      <c r="P20" s="22"/>
      <c r="Q20" s="22"/>
      <c r="R20" s="22"/>
    </row>
    <row r="21" spans="11:18">
      <c r="K21" s="22"/>
      <c r="L21" s="22"/>
      <c r="M21" s="22"/>
      <c r="N21" s="22"/>
      <c r="O21" s="22"/>
    </row>
    <row r="22" spans="11:18">
      <c r="K22" s="22"/>
      <c r="L22" s="22"/>
      <c r="M22" s="22"/>
      <c r="N22" s="22"/>
      <c r="O22" s="22"/>
      <c r="P22" s="22"/>
      <c r="Q22" s="22"/>
      <c r="R22" s="22"/>
    </row>
    <row r="23" spans="11:18">
      <c r="K23" s="22"/>
      <c r="L23" s="22"/>
      <c r="M23" s="22"/>
      <c r="N23" s="22"/>
      <c r="O23" s="22"/>
    </row>
    <row r="24" spans="11:18">
      <c r="K24" s="22"/>
      <c r="L24" s="22"/>
      <c r="M24" s="22"/>
      <c r="N24" s="22"/>
      <c r="O24" s="22"/>
      <c r="P24" s="22"/>
      <c r="Q24" s="22"/>
      <c r="R24" s="22"/>
    </row>
    <row r="25" spans="11:18">
      <c r="K25" s="22"/>
      <c r="L25" s="22"/>
      <c r="M25" s="22"/>
      <c r="N25" s="22"/>
      <c r="O25" s="2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3"/>
  <dimension ref="A1:R18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6" width="9" style="18" customWidth="1"/>
    <col min="7" max="16384" width="9" style="18"/>
  </cols>
  <sheetData>
    <row r="1" spans="1:18">
      <c r="A1" s="70" t="s">
        <v>532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66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8" t="s">
        <v>69</v>
      </c>
      <c r="B5" s="20">
        <v>228</v>
      </c>
      <c r="C5" s="20">
        <v>428</v>
      </c>
      <c r="D5" s="20">
        <v>1738</v>
      </c>
      <c r="E5" s="20">
        <v>10</v>
      </c>
      <c r="F5" s="20">
        <v>2404</v>
      </c>
    </row>
    <row r="6" spans="1:18">
      <c r="A6" s="77"/>
      <c r="B6" s="21">
        <v>9.5000000000000001E-2</v>
      </c>
      <c r="C6" s="21">
        <v>0.17799999999999999</v>
      </c>
      <c r="D6" s="21">
        <v>0.72299999999999998</v>
      </c>
      <c r="E6" s="21">
        <v>4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53</v>
      </c>
      <c r="B7" s="24">
        <v>51</v>
      </c>
      <c r="C7" s="24">
        <v>112</v>
      </c>
      <c r="D7" s="24">
        <v>394</v>
      </c>
      <c r="E7" s="24">
        <v>5</v>
      </c>
      <c r="F7" s="20">
        <v>562</v>
      </c>
      <c r="K7" s="22"/>
      <c r="L7" s="22"/>
      <c r="M7" s="22"/>
      <c r="N7" s="22"/>
      <c r="O7" s="22"/>
    </row>
    <row r="8" spans="1:18">
      <c r="A8" s="79"/>
      <c r="B8" s="21">
        <v>9.0999999999999998E-2</v>
      </c>
      <c r="C8" s="21">
        <v>0.19900000000000001</v>
      </c>
      <c r="D8" s="21">
        <v>0.70099999999999996</v>
      </c>
      <c r="E8" s="21">
        <v>8.9999999999999993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54</v>
      </c>
      <c r="B9" s="24">
        <v>38</v>
      </c>
      <c r="C9" s="24">
        <v>60</v>
      </c>
      <c r="D9" s="24">
        <v>266</v>
      </c>
      <c r="E9" s="24">
        <v>4</v>
      </c>
      <c r="F9" s="20">
        <v>368</v>
      </c>
      <c r="K9" s="22"/>
      <c r="L9" s="22"/>
      <c r="M9" s="22"/>
      <c r="N9" s="22"/>
      <c r="O9" s="22"/>
      <c r="P9" s="22"/>
      <c r="Q9" s="22"/>
      <c r="R9" s="22"/>
    </row>
    <row r="10" spans="1:18">
      <c r="A10" s="79"/>
      <c r="B10" s="21">
        <v>0.10299999999999999</v>
      </c>
      <c r="C10" s="21">
        <v>0.16300000000000001</v>
      </c>
      <c r="D10" s="21">
        <v>0.72299999999999998</v>
      </c>
      <c r="E10" s="21">
        <v>1.0999999999999999E-2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604</v>
      </c>
      <c r="B11" s="20">
        <v>275</v>
      </c>
      <c r="C11" s="20">
        <v>520</v>
      </c>
      <c r="D11" s="20">
        <v>1917</v>
      </c>
      <c r="E11" s="20">
        <v>12</v>
      </c>
      <c r="F11" s="20">
        <v>2724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0.10100000000000001</v>
      </c>
      <c r="C12" s="21">
        <v>0.191</v>
      </c>
      <c r="D12" s="21">
        <v>0.70399999999999996</v>
      </c>
      <c r="E12" s="21">
        <v>4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95" t="s">
        <v>22</v>
      </c>
      <c r="B13" s="24">
        <v>1</v>
      </c>
      <c r="C13" s="24">
        <v>3</v>
      </c>
      <c r="D13" s="24">
        <v>5</v>
      </c>
      <c r="E13" s="24">
        <v>3</v>
      </c>
      <c r="F13" s="24">
        <v>12</v>
      </c>
    </row>
    <row r="14" spans="1:18">
      <c r="A14" s="99"/>
      <c r="B14" s="21">
        <v>8.3000000000000004E-2</v>
      </c>
      <c r="C14" s="21">
        <v>0.25</v>
      </c>
      <c r="D14" s="21">
        <v>0.41699999999999998</v>
      </c>
      <c r="E14" s="21">
        <v>0.25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593</v>
      </c>
      <c r="C15" s="20">
        <v>1123</v>
      </c>
      <c r="D15" s="20">
        <v>4320</v>
      </c>
      <c r="E15" s="20">
        <v>34</v>
      </c>
      <c r="F15" s="20">
        <v>6070</v>
      </c>
    </row>
    <row r="16" spans="1:18">
      <c r="A16" s="74"/>
      <c r="B16" s="21">
        <v>9.8000000000000004E-2</v>
      </c>
      <c r="C16" s="21">
        <v>0.185</v>
      </c>
      <c r="D16" s="21">
        <v>0.71199999999999997</v>
      </c>
      <c r="E16" s="21">
        <v>6.0000000000000001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 ht="14.25" customHeight="1">
      <c r="A17" s="80" t="s">
        <v>227</v>
      </c>
      <c r="B17" s="80"/>
      <c r="C17" s="80"/>
      <c r="D17" s="80"/>
      <c r="E17" s="80"/>
      <c r="F17" s="80"/>
      <c r="K17" s="22"/>
      <c r="L17" s="22"/>
      <c r="M17" s="22"/>
      <c r="N17" s="22"/>
      <c r="O17" s="22"/>
    </row>
    <row r="18" spans="1:16">
      <c r="A18" s="108"/>
      <c r="B18" s="108"/>
      <c r="C18" s="108"/>
      <c r="D18" s="108"/>
      <c r="E18" s="108"/>
      <c r="F18" s="108"/>
      <c r="K18" s="22"/>
      <c r="L18" s="22"/>
      <c r="M18" s="22"/>
      <c r="N18" s="22"/>
      <c r="O18" s="22"/>
      <c r="P18" s="2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4"/>
  <dimension ref="A1:R18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3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66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8" t="s">
        <v>69</v>
      </c>
      <c r="B5" s="20">
        <v>988</v>
      </c>
      <c r="C5" s="20">
        <v>1084</v>
      </c>
      <c r="D5" s="20">
        <v>329</v>
      </c>
      <c r="E5" s="20">
        <v>3</v>
      </c>
      <c r="F5" s="20">
        <v>2404</v>
      </c>
    </row>
    <row r="6" spans="1:18">
      <c r="A6" s="77"/>
      <c r="B6" s="21">
        <v>0.41099999999999998</v>
      </c>
      <c r="C6" s="21">
        <v>0.45100000000000001</v>
      </c>
      <c r="D6" s="21">
        <v>0.13700000000000001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53</v>
      </c>
      <c r="B7" s="24">
        <v>234</v>
      </c>
      <c r="C7" s="24">
        <v>253</v>
      </c>
      <c r="D7" s="24">
        <v>74</v>
      </c>
      <c r="E7" s="24">
        <v>1</v>
      </c>
      <c r="F7" s="20">
        <v>562</v>
      </c>
      <c r="K7" s="22"/>
      <c r="L7" s="22"/>
      <c r="M7" s="22"/>
      <c r="N7" s="22"/>
      <c r="O7" s="22"/>
    </row>
    <row r="8" spans="1:18">
      <c r="A8" s="79"/>
      <c r="B8" s="21">
        <v>0.41599999999999998</v>
      </c>
      <c r="C8" s="21">
        <v>0.45</v>
      </c>
      <c r="D8" s="21">
        <v>0.13200000000000001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54</v>
      </c>
      <c r="B9" s="24">
        <v>147</v>
      </c>
      <c r="C9" s="24">
        <v>162</v>
      </c>
      <c r="D9" s="24">
        <v>58</v>
      </c>
      <c r="E9" s="24">
        <v>1</v>
      </c>
      <c r="F9" s="20">
        <v>368</v>
      </c>
      <c r="K9" s="22"/>
      <c r="L9" s="22"/>
      <c r="M9" s="22"/>
      <c r="N9" s="22"/>
      <c r="O9" s="22"/>
      <c r="P9" s="22"/>
      <c r="Q9" s="22"/>
      <c r="R9" s="22"/>
    </row>
    <row r="10" spans="1:18">
      <c r="A10" s="79"/>
      <c r="B10" s="21">
        <v>0.39900000000000002</v>
      </c>
      <c r="C10" s="21">
        <v>0.44</v>
      </c>
      <c r="D10" s="21">
        <v>0.158</v>
      </c>
      <c r="E10" s="21">
        <v>3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604</v>
      </c>
      <c r="B11" s="20">
        <v>1085</v>
      </c>
      <c r="C11" s="20">
        <v>1164</v>
      </c>
      <c r="D11" s="20">
        <v>470</v>
      </c>
      <c r="E11" s="20">
        <v>5</v>
      </c>
      <c r="F11" s="20">
        <v>2724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0.39800000000000002</v>
      </c>
      <c r="C12" s="21">
        <v>0.42699999999999999</v>
      </c>
      <c r="D12" s="21">
        <v>0.17299999999999999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95" t="s">
        <v>22</v>
      </c>
      <c r="B13" s="24">
        <v>3</v>
      </c>
      <c r="C13" s="24">
        <v>3</v>
      </c>
      <c r="D13" s="24">
        <v>3</v>
      </c>
      <c r="E13" s="24">
        <v>3</v>
      </c>
      <c r="F13" s="24">
        <v>12</v>
      </c>
    </row>
    <row r="14" spans="1:18">
      <c r="A14" s="99"/>
      <c r="B14" s="21">
        <v>0.25</v>
      </c>
      <c r="C14" s="21">
        <v>0.25</v>
      </c>
      <c r="D14" s="21">
        <v>0.25</v>
      </c>
      <c r="E14" s="21">
        <v>0.25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2457</v>
      </c>
      <c r="C15" s="20">
        <v>2666</v>
      </c>
      <c r="D15" s="20">
        <v>934</v>
      </c>
      <c r="E15" s="20">
        <v>13</v>
      </c>
      <c r="F15" s="20">
        <v>6070</v>
      </c>
    </row>
    <row r="16" spans="1:18">
      <c r="A16" s="74"/>
      <c r="B16" s="21">
        <v>0.40500000000000003</v>
      </c>
      <c r="C16" s="21">
        <v>0.439</v>
      </c>
      <c r="D16" s="21">
        <v>0.154</v>
      </c>
      <c r="E16" s="21">
        <v>2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>
      <c r="A17" s="80" t="s">
        <v>129</v>
      </c>
      <c r="B17" s="98"/>
      <c r="C17" s="98"/>
      <c r="D17" s="98"/>
      <c r="E17" s="98"/>
      <c r="F17" s="98"/>
      <c r="K17" s="22"/>
      <c r="L17" s="22"/>
      <c r="M17" s="22"/>
      <c r="N17" s="22"/>
      <c r="O17" s="22"/>
    </row>
    <row r="18" spans="1:16">
      <c r="A18" s="25"/>
      <c r="B18" s="25"/>
      <c r="C18" s="25"/>
      <c r="D18" s="25"/>
      <c r="E18" s="25"/>
      <c r="F18" s="25"/>
      <c r="K18" s="22"/>
      <c r="L18" s="22"/>
      <c r="M18" s="22"/>
      <c r="N18" s="22"/>
      <c r="O18" s="22"/>
      <c r="P18" s="22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5"/>
  <dimension ref="A1:S18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30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66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9">
      <c r="A5" s="78" t="s">
        <v>69</v>
      </c>
      <c r="B5" s="20">
        <v>488</v>
      </c>
      <c r="C5" s="20">
        <v>207</v>
      </c>
      <c r="D5" s="20">
        <v>33</v>
      </c>
      <c r="E5" s="20">
        <v>257</v>
      </c>
      <c r="F5" s="20">
        <v>3</v>
      </c>
      <c r="G5" s="20">
        <v>988</v>
      </c>
    </row>
    <row r="6" spans="1:19">
      <c r="A6" s="77"/>
      <c r="B6" s="21">
        <v>0.49399999999999999</v>
      </c>
      <c r="C6" s="21">
        <v>0.21</v>
      </c>
      <c r="D6" s="21">
        <v>3.3000000000000002E-2</v>
      </c>
      <c r="E6" s="21">
        <v>0.26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53</v>
      </c>
      <c r="B7" s="24">
        <v>94</v>
      </c>
      <c r="C7" s="24">
        <v>56</v>
      </c>
      <c r="D7" s="24">
        <v>9</v>
      </c>
      <c r="E7" s="24">
        <v>73</v>
      </c>
      <c r="F7" s="24">
        <v>2</v>
      </c>
      <c r="G7" s="20">
        <v>234</v>
      </c>
      <c r="L7" s="22"/>
      <c r="M7" s="22"/>
      <c r="N7" s="22"/>
      <c r="O7" s="22"/>
      <c r="P7" s="22"/>
    </row>
    <row r="8" spans="1:19">
      <c r="A8" s="79"/>
      <c r="B8" s="21">
        <v>0.40200000000000002</v>
      </c>
      <c r="C8" s="21">
        <v>0.23899999999999999</v>
      </c>
      <c r="D8" s="21">
        <v>3.7999999999999999E-2</v>
      </c>
      <c r="E8" s="21">
        <v>0.312</v>
      </c>
      <c r="F8" s="21">
        <v>8.9999999999999993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54</v>
      </c>
      <c r="B9" s="24">
        <v>62</v>
      </c>
      <c r="C9" s="24">
        <v>38</v>
      </c>
      <c r="D9" s="24">
        <v>10</v>
      </c>
      <c r="E9" s="24">
        <v>36</v>
      </c>
      <c r="F9" s="24">
        <v>1</v>
      </c>
      <c r="G9" s="20">
        <v>147</v>
      </c>
      <c r="L9" s="22"/>
      <c r="M9" s="22"/>
      <c r="N9" s="22"/>
      <c r="O9" s="22"/>
      <c r="P9" s="22"/>
      <c r="Q9" s="22"/>
      <c r="R9" s="22"/>
      <c r="S9" s="22"/>
    </row>
    <row r="10" spans="1:19">
      <c r="A10" s="79"/>
      <c r="B10" s="21">
        <v>0.42199999999999999</v>
      </c>
      <c r="C10" s="21">
        <v>0.25900000000000001</v>
      </c>
      <c r="D10" s="21">
        <v>6.8000000000000005E-2</v>
      </c>
      <c r="E10" s="21">
        <v>0.245</v>
      </c>
      <c r="F10" s="21">
        <v>7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604</v>
      </c>
      <c r="B11" s="20">
        <v>460</v>
      </c>
      <c r="C11" s="20">
        <v>211</v>
      </c>
      <c r="D11" s="20">
        <v>32</v>
      </c>
      <c r="E11" s="20">
        <v>382</v>
      </c>
      <c r="F11" s="20">
        <v>0</v>
      </c>
      <c r="G11" s="20">
        <v>1085</v>
      </c>
      <c r="L11" s="22"/>
      <c r="M11" s="22"/>
      <c r="N11" s="22"/>
      <c r="O11" s="22"/>
      <c r="P11" s="22"/>
      <c r="Q11" s="22"/>
      <c r="R11" s="22"/>
      <c r="S11" s="22"/>
    </row>
    <row r="12" spans="1:19">
      <c r="A12" s="77"/>
      <c r="B12" s="21">
        <v>0.42399999999999999</v>
      </c>
      <c r="C12" s="21">
        <v>0.19400000000000001</v>
      </c>
      <c r="D12" s="21">
        <v>2.9000000000000001E-2</v>
      </c>
      <c r="E12" s="21">
        <v>0.35199999999999998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95" t="s">
        <v>22</v>
      </c>
      <c r="B13" s="24">
        <v>1</v>
      </c>
      <c r="C13" s="24">
        <v>0</v>
      </c>
      <c r="D13" s="24">
        <v>0</v>
      </c>
      <c r="E13" s="24">
        <v>2</v>
      </c>
      <c r="F13" s="24">
        <v>0</v>
      </c>
      <c r="G13" s="24">
        <v>3</v>
      </c>
    </row>
    <row r="14" spans="1:19">
      <c r="A14" s="99"/>
      <c r="B14" s="21">
        <v>0.33300000000000002</v>
      </c>
      <c r="C14" s="21">
        <v>0</v>
      </c>
      <c r="D14" s="21">
        <v>0</v>
      </c>
      <c r="E14" s="21">
        <v>0.66700000000000004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s="23" customFormat="1">
      <c r="A15" s="73" t="s">
        <v>15</v>
      </c>
      <c r="B15" s="20">
        <v>1105</v>
      </c>
      <c r="C15" s="20">
        <v>512</v>
      </c>
      <c r="D15" s="20">
        <v>84</v>
      </c>
      <c r="E15" s="20">
        <v>750</v>
      </c>
      <c r="F15" s="20">
        <v>6</v>
      </c>
      <c r="G15" s="20">
        <v>2457</v>
      </c>
    </row>
    <row r="16" spans="1:19">
      <c r="A16" s="74"/>
      <c r="B16" s="21">
        <v>0.45</v>
      </c>
      <c r="C16" s="21">
        <v>0.20799999999999999</v>
      </c>
      <c r="D16" s="21">
        <v>3.4000000000000002E-2</v>
      </c>
      <c r="E16" s="21">
        <v>0.30499999999999999</v>
      </c>
      <c r="F16" s="21">
        <v>2E-3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7">
      <c r="A17" s="80" t="s">
        <v>218</v>
      </c>
      <c r="B17" s="98"/>
      <c r="C17" s="98"/>
      <c r="D17" s="98"/>
      <c r="E17" s="98"/>
      <c r="F17" s="98"/>
      <c r="G17" s="98"/>
      <c r="L17" s="22"/>
      <c r="M17" s="22"/>
      <c r="N17" s="22"/>
      <c r="O17" s="22"/>
      <c r="P17" s="22"/>
    </row>
    <row r="18" spans="1:17">
      <c r="A18" s="25"/>
      <c r="B18" s="25"/>
      <c r="C18" s="25"/>
      <c r="D18" s="25"/>
      <c r="E18" s="25"/>
      <c r="F18" s="25"/>
      <c r="G18" s="25"/>
      <c r="L18" s="22"/>
      <c r="M18" s="22"/>
      <c r="N18" s="22"/>
      <c r="O18" s="22"/>
      <c r="P18" s="22"/>
      <c r="Q18" s="22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6"/>
  <dimension ref="A1:R16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3" width="9" style="18" customWidth="1"/>
    <col min="4" max="4" width="11.625" style="18" bestFit="1" customWidth="1"/>
    <col min="5" max="6" width="9" style="18" customWidth="1"/>
    <col min="7" max="16384" width="9" style="18"/>
  </cols>
  <sheetData>
    <row r="1" spans="1:18">
      <c r="A1" s="70" t="s">
        <v>529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72</v>
      </c>
      <c r="B3" s="76" t="s">
        <v>122</v>
      </c>
      <c r="C3" s="76"/>
      <c r="D3" s="76"/>
      <c r="E3" s="76"/>
      <c r="F3" s="76"/>
    </row>
    <row r="4" spans="1:18">
      <c r="A4" s="84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8">
      <c r="A5" s="78" t="s">
        <v>43</v>
      </c>
      <c r="B5" s="20">
        <v>1147</v>
      </c>
      <c r="C5" s="20">
        <v>90</v>
      </c>
      <c r="D5" s="20">
        <v>423</v>
      </c>
      <c r="E5" s="20">
        <v>5</v>
      </c>
      <c r="F5" s="20">
        <v>1665</v>
      </c>
    </row>
    <row r="6" spans="1:18">
      <c r="A6" s="77"/>
      <c r="B6" s="21">
        <v>0.68899999999999995</v>
      </c>
      <c r="C6" s="21">
        <v>5.3999999999999999E-2</v>
      </c>
      <c r="D6" s="21">
        <v>0.254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44</v>
      </c>
      <c r="B7" s="20">
        <v>1135</v>
      </c>
      <c r="C7" s="20">
        <v>253</v>
      </c>
      <c r="D7" s="20">
        <v>743</v>
      </c>
      <c r="E7" s="20">
        <v>5</v>
      </c>
      <c r="F7" s="20">
        <v>2136</v>
      </c>
    </row>
    <row r="8" spans="1:18">
      <c r="A8" s="79"/>
      <c r="B8" s="21">
        <v>0.53100000000000003</v>
      </c>
      <c r="C8" s="21">
        <v>0.11799999999999999</v>
      </c>
      <c r="D8" s="21">
        <v>0.34799999999999998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604</v>
      </c>
      <c r="B9" s="20">
        <v>978</v>
      </c>
      <c r="C9" s="20">
        <v>128</v>
      </c>
      <c r="D9" s="20">
        <v>1148</v>
      </c>
      <c r="E9" s="20">
        <v>6</v>
      </c>
      <c r="F9" s="20">
        <v>2260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0.433</v>
      </c>
      <c r="C10" s="21">
        <v>5.7000000000000002E-2</v>
      </c>
      <c r="D10" s="21">
        <v>0.50800000000000001</v>
      </c>
      <c r="E10" s="21">
        <v>3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3</v>
      </c>
      <c r="C11" s="24">
        <v>1</v>
      </c>
      <c r="D11" s="24">
        <v>1</v>
      </c>
      <c r="E11" s="24">
        <v>4</v>
      </c>
      <c r="F11" s="24">
        <v>9</v>
      </c>
    </row>
    <row r="12" spans="1:18">
      <c r="A12" s="99"/>
      <c r="B12" s="21">
        <v>0.33300000000000002</v>
      </c>
      <c r="C12" s="21">
        <v>0.111</v>
      </c>
      <c r="D12" s="21">
        <v>0.111</v>
      </c>
      <c r="E12" s="21">
        <v>0.44400000000000001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3263</v>
      </c>
      <c r="C13" s="20">
        <v>472</v>
      </c>
      <c r="D13" s="20">
        <v>2315</v>
      </c>
      <c r="E13" s="20">
        <v>20</v>
      </c>
      <c r="F13" s="20">
        <v>6070</v>
      </c>
    </row>
    <row r="14" spans="1:18">
      <c r="A14" s="74"/>
      <c r="B14" s="21">
        <v>0.53800000000000003</v>
      </c>
      <c r="C14" s="21">
        <v>7.8E-2</v>
      </c>
      <c r="D14" s="21">
        <v>0.38100000000000001</v>
      </c>
      <c r="E14" s="21">
        <v>3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80" t="s">
        <v>239</v>
      </c>
      <c r="B15" s="80"/>
      <c r="C15" s="80"/>
      <c r="D15" s="80"/>
      <c r="E15" s="80"/>
      <c r="F15" s="80"/>
      <c r="K15" s="22"/>
      <c r="L15" s="22"/>
      <c r="M15" s="22"/>
      <c r="N15" s="22"/>
      <c r="O15" s="22"/>
    </row>
    <row r="16" spans="1:18">
      <c r="A16" s="108"/>
      <c r="B16" s="108"/>
      <c r="C16" s="108"/>
      <c r="D16" s="108"/>
      <c r="E16" s="108"/>
      <c r="F16" s="108"/>
      <c r="K16" s="22"/>
      <c r="L16" s="22"/>
      <c r="M16" s="22"/>
      <c r="N16" s="22"/>
      <c r="O16" s="22"/>
      <c r="P16" s="22"/>
    </row>
  </sheetData>
  <mergeCells count="9">
    <mergeCell ref="A15:F16"/>
    <mergeCell ref="A9:A10"/>
    <mergeCell ref="A11:A12"/>
    <mergeCell ref="A13:A14"/>
    <mergeCell ref="A1:F1"/>
    <mergeCell ref="A3:A4"/>
    <mergeCell ref="B3:F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7"/>
  <dimension ref="A1:Q16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5" width="9" style="18" customWidth="1"/>
    <col min="6" max="16384" width="9" style="18"/>
  </cols>
  <sheetData>
    <row r="1" spans="1:17">
      <c r="A1" s="94" t="s">
        <v>528</v>
      </c>
      <c r="B1" s="94"/>
      <c r="C1" s="94"/>
      <c r="D1" s="94"/>
      <c r="E1" s="94"/>
    </row>
    <row r="2" spans="1:17">
      <c r="A2" s="121" t="s">
        <v>613</v>
      </c>
      <c r="B2" s="41"/>
      <c r="C2" s="41"/>
      <c r="D2" s="41"/>
      <c r="E2" s="41"/>
    </row>
    <row r="3" spans="1:17">
      <c r="A3" s="84" t="s">
        <v>72</v>
      </c>
      <c r="B3" s="76" t="s">
        <v>123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43</v>
      </c>
      <c r="B5" s="20">
        <v>1596</v>
      </c>
      <c r="C5" s="20">
        <v>64</v>
      </c>
      <c r="D5" s="20">
        <v>5</v>
      </c>
      <c r="E5" s="20">
        <v>1665</v>
      </c>
    </row>
    <row r="6" spans="1:17">
      <c r="A6" s="77"/>
      <c r="B6" s="21">
        <v>0.95899999999999996</v>
      </c>
      <c r="C6" s="21">
        <v>3.7999999999999999E-2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92" t="s">
        <v>44</v>
      </c>
      <c r="B7" s="20">
        <v>1981</v>
      </c>
      <c r="C7" s="20">
        <v>152</v>
      </c>
      <c r="D7" s="20">
        <v>3</v>
      </c>
      <c r="E7" s="20">
        <v>2136</v>
      </c>
    </row>
    <row r="8" spans="1:17">
      <c r="A8" s="79"/>
      <c r="B8" s="21">
        <v>0.92700000000000005</v>
      </c>
      <c r="C8" s="21">
        <v>7.0999999999999994E-2</v>
      </c>
      <c r="D8" s="21">
        <v>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604</v>
      </c>
      <c r="B9" s="20">
        <v>2084</v>
      </c>
      <c r="C9" s="20">
        <v>170</v>
      </c>
      <c r="D9" s="20">
        <v>6</v>
      </c>
      <c r="E9" s="20">
        <v>2260</v>
      </c>
      <c r="J9" s="22"/>
      <c r="K9" s="22"/>
      <c r="L9" s="22"/>
      <c r="M9" s="22"/>
      <c r="N9" s="22"/>
      <c r="O9" s="22"/>
      <c r="P9" s="22"/>
      <c r="Q9" s="22"/>
    </row>
    <row r="10" spans="1:17">
      <c r="A10" s="77"/>
      <c r="B10" s="21">
        <v>0.92200000000000004</v>
      </c>
      <c r="C10" s="21">
        <v>7.4999999999999997E-2</v>
      </c>
      <c r="D10" s="21">
        <v>3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6</v>
      </c>
      <c r="C11" s="24">
        <v>0</v>
      </c>
      <c r="D11" s="24">
        <v>3</v>
      </c>
      <c r="E11" s="24">
        <v>9</v>
      </c>
    </row>
    <row r="12" spans="1:17">
      <c r="A12" s="99"/>
      <c r="B12" s="21">
        <v>0.66700000000000004</v>
      </c>
      <c r="C12" s="21">
        <v>0</v>
      </c>
      <c r="D12" s="21">
        <v>0.3330000000000000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89" t="s">
        <v>15</v>
      </c>
      <c r="B13" s="20">
        <v>5667</v>
      </c>
      <c r="C13" s="20">
        <v>386</v>
      </c>
      <c r="D13" s="20">
        <v>17</v>
      </c>
      <c r="E13" s="20">
        <v>6070</v>
      </c>
    </row>
    <row r="14" spans="1:17">
      <c r="A14" s="74"/>
      <c r="B14" s="21">
        <v>0.93400000000000005</v>
      </c>
      <c r="C14" s="21">
        <v>6.4000000000000001E-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80" t="s">
        <v>192</v>
      </c>
      <c r="B15" s="98"/>
      <c r="C15" s="98"/>
      <c r="D15" s="98"/>
      <c r="E15" s="98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  <c r="J16" s="22"/>
      <c r="K16" s="22"/>
      <c r="L16" s="22"/>
      <c r="M16" s="22"/>
      <c r="N16" s="22"/>
      <c r="O16" s="2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8"/>
  <dimension ref="A1:K31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7" width="9.625" style="18" customWidth="1"/>
    <col min="8" max="16384" width="9" style="18"/>
  </cols>
  <sheetData>
    <row r="1" spans="1:11">
      <c r="A1" s="54" t="s">
        <v>605</v>
      </c>
      <c r="C1" s="54"/>
    </row>
    <row r="2" spans="1:11">
      <c r="A2" s="121" t="s">
        <v>613</v>
      </c>
      <c r="B2" s="36"/>
      <c r="C2" s="36"/>
    </row>
    <row r="3" spans="1:11" ht="59.25" customHeight="1">
      <c r="A3" s="84" t="s">
        <v>606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1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1">
      <c r="A5" s="78" t="s">
        <v>43</v>
      </c>
      <c r="B5" s="20">
        <v>350</v>
      </c>
      <c r="C5" s="20">
        <v>1246</v>
      </c>
      <c r="D5" s="20">
        <v>983</v>
      </c>
      <c r="E5" s="20">
        <v>613</v>
      </c>
      <c r="F5" s="20">
        <v>236</v>
      </c>
      <c r="G5" s="20">
        <v>1360</v>
      </c>
    </row>
    <row r="6" spans="1:11">
      <c r="A6" s="77"/>
      <c r="B6" s="21">
        <v>0.219</v>
      </c>
      <c r="C6" s="21">
        <v>0.78100000000000003</v>
      </c>
      <c r="D6" s="21">
        <v>0.61599999999999999</v>
      </c>
      <c r="E6" s="21">
        <v>0.38400000000000001</v>
      </c>
      <c r="F6" s="21">
        <v>0.14799999999999999</v>
      </c>
      <c r="G6" s="21">
        <v>0.85199999999999998</v>
      </c>
      <c r="I6" s="22"/>
      <c r="J6" s="22"/>
      <c r="K6" s="22"/>
    </row>
    <row r="7" spans="1:11" s="23" customFormat="1">
      <c r="A7" s="78" t="s">
        <v>44</v>
      </c>
      <c r="B7" s="20">
        <v>566</v>
      </c>
      <c r="C7" s="20">
        <v>1415</v>
      </c>
      <c r="D7" s="20">
        <v>1061</v>
      </c>
      <c r="E7" s="20">
        <v>920</v>
      </c>
      <c r="F7" s="20">
        <v>253</v>
      </c>
      <c r="G7" s="20">
        <v>1728</v>
      </c>
    </row>
    <row r="8" spans="1:11">
      <c r="A8" s="79"/>
      <c r="B8" s="21">
        <v>0.28599999999999998</v>
      </c>
      <c r="C8" s="21">
        <v>0.71399999999999997</v>
      </c>
      <c r="D8" s="21">
        <v>0.53600000000000003</v>
      </c>
      <c r="E8" s="21">
        <v>0.46400000000000002</v>
      </c>
      <c r="F8" s="21">
        <v>0.128</v>
      </c>
      <c r="G8" s="21">
        <v>0.872</v>
      </c>
      <c r="I8" s="22"/>
      <c r="J8" s="22"/>
      <c r="K8" s="22"/>
    </row>
    <row r="9" spans="1:11" ht="24" customHeight="1">
      <c r="A9" s="78" t="s">
        <v>190</v>
      </c>
      <c r="B9" s="20">
        <v>609</v>
      </c>
      <c r="C9" s="20">
        <v>1475</v>
      </c>
      <c r="D9" s="20">
        <v>1101</v>
      </c>
      <c r="E9" s="20">
        <v>983</v>
      </c>
      <c r="F9" s="20">
        <v>216</v>
      </c>
      <c r="G9" s="20">
        <v>1868</v>
      </c>
      <c r="I9" s="22"/>
      <c r="J9" s="22"/>
      <c r="K9" s="22"/>
    </row>
    <row r="10" spans="1:11" ht="24" customHeight="1">
      <c r="A10" s="77"/>
      <c r="B10" s="21">
        <v>0.29199999999999998</v>
      </c>
      <c r="C10" s="21">
        <v>0.70799999999999996</v>
      </c>
      <c r="D10" s="21">
        <v>0.52800000000000002</v>
      </c>
      <c r="E10" s="21">
        <v>0.47199999999999998</v>
      </c>
      <c r="F10" s="21">
        <v>0.104</v>
      </c>
      <c r="G10" s="21">
        <v>0.89600000000000002</v>
      </c>
      <c r="I10" s="22"/>
      <c r="J10" s="22"/>
      <c r="K10" s="22"/>
    </row>
    <row r="11" spans="1:11">
      <c r="A11" s="95" t="s">
        <v>22</v>
      </c>
      <c r="B11" s="24">
        <v>3</v>
      </c>
      <c r="C11" s="24">
        <v>3</v>
      </c>
      <c r="D11" s="24">
        <v>3</v>
      </c>
      <c r="E11" s="24">
        <v>3</v>
      </c>
      <c r="F11" s="24">
        <v>1</v>
      </c>
      <c r="G11" s="24">
        <v>5</v>
      </c>
      <c r="H11" s="22"/>
      <c r="I11" s="22"/>
      <c r="J11" s="22"/>
      <c r="K11" s="22"/>
    </row>
    <row r="12" spans="1:11">
      <c r="A12" s="99"/>
      <c r="B12" s="21">
        <v>0.5</v>
      </c>
      <c r="C12" s="21">
        <v>0.5</v>
      </c>
      <c r="D12" s="21">
        <v>0.5</v>
      </c>
      <c r="E12" s="21">
        <v>0.5</v>
      </c>
      <c r="F12" s="21">
        <v>0.16700000000000001</v>
      </c>
      <c r="G12" s="21">
        <v>0.83299999999999996</v>
      </c>
      <c r="I12" s="22"/>
      <c r="J12" s="22"/>
      <c r="K12" s="22"/>
    </row>
    <row r="13" spans="1:11" s="23" customFormat="1">
      <c r="A13" s="73" t="s">
        <v>15</v>
      </c>
      <c r="B13" s="20">
        <v>1528</v>
      </c>
      <c r="C13" s="20">
        <v>4139</v>
      </c>
      <c r="D13" s="20">
        <v>3148</v>
      </c>
      <c r="E13" s="20">
        <v>2519</v>
      </c>
      <c r="F13" s="20">
        <v>706</v>
      </c>
      <c r="G13" s="20">
        <v>4961</v>
      </c>
    </row>
    <row r="14" spans="1:11">
      <c r="A14" s="74"/>
      <c r="B14" s="21">
        <v>0.27</v>
      </c>
      <c r="C14" s="21">
        <v>0.73</v>
      </c>
      <c r="D14" s="21">
        <v>0.55500000000000005</v>
      </c>
      <c r="E14" s="21">
        <v>0.44500000000000001</v>
      </c>
      <c r="F14" s="21">
        <v>0.125</v>
      </c>
      <c r="G14" s="21">
        <v>0.875</v>
      </c>
      <c r="I14" s="22"/>
      <c r="J14" s="22"/>
      <c r="K14" s="22"/>
    </row>
    <row r="15" spans="1:11">
      <c r="A15" s="36"/>
      <c r="B15" s="51"/>
      <c r="C15" s="51"/>
      <c r="D15" s="51"/>
      <c r="E15" s="51"/>
      <c r="F15" s="51"/>
      <c r="G15" s="51"/>
      <c r="I15" s="22"/>
      <c r="J15" s="22"/>
      <c r="K15" s="22"/>
    </row>
    <row r="16" spans="1:11" ht="29.25" customHeight="1">
      <c r="A16" s="84" t="s">
        <v>606</v>
      </c>
      <c r="B16" s="82" t="s">
        <v>160</v>
      </c>
      <c r="C16" s="82"/>
      <c r="D16" s="82" t="s">
        <v>536</v>
      </c>
      <c r="E16" s="82"/>
      <c r="F16" s="82" t="s">
        <v>162</v>
      </c>
      <c r="G16" s="82"/>
      <c r="I16" s="22"/>
      <c r="J16" s="22"/>
      <c r="K16" s="22"/>
    </row>
    <row r="17" spans="1:11">
      <c r="A17" s="84"/>
      <c r="B17" s="11" t="s">
        <v>180</v>
      </c>
      <c r="C17" s="11" t="s">
        <v>181</v>
      </c>
      <c r="D17" s="11" t="s">
        <v>180</v>
      </c>
      <c r="E17" s="11" t="s">
        <v>181</v>
      </c>
      <c r="F17" s="11" t="s">
        <v>180</v>
      </c>
      <c r="G17" s="11" t="s">
        <v>181</v>
      </c>
      <c r="I17" s="22"/>
      <c r="J17" s="22"/>
      <c r="K17" s="22"/>
    </row>
    <row r="18" spans="1:11">
      <c r="A18" s="78" t="s">
        <v>43</v>
      </c>
      <c r="B18" s="20">
        <v>402</v>
      </c>
      <c r="C18" s="20">
        <v>1194</v>
      </c>
      <c r="D18" s="20">
        <v>42</v>
      </c>
      <c r="E18" s="20">
        <v>1554</v>
      </c>
      <c r="F18" s="20">
        <v>98</v>
      </c>
      <c r="G18" s="20">
        <v>1498</v>
      </c>
      <c r="I18" s="22"/>
      <c r="J18" s="22"/>
      <c r="K18" s="22"/>
    </row>
    <row r="19" spans="1:11">
      <c r="A19" s="77"/>
      <c r="B19" s="21">
        <v>0.252</v>
      </c>
      <c r="C19" s="21">
        <v>0.748</v>
      </c>
      <c r="D19" s="21">
        <v>2.5999999999999999E-2</v>
      </c>
      <c r="E19" s="21">
        <v>0.97399999999999998</v>
      </c>
      <c r="F19" s="21">
        <v>6.0999999999999999E-2</v>
      </c>
      <c r="G19" s="21">
        <v>0.93899999999999995</v>
      </c>
      <c r="I19" s="22"/>
      <c r="J19" s="22"/>
      <c r="K19" s="22"/>
    </row>
    <row r="20" spans="1:11">
      <c r="A20" s="78" t="s">
        <v>44</v>
      </c>
      <c r="B20" s="20">
        <v>472</v>
      </c>
      <c r="C20" s="20">
        <v>1509</v>
      </c>
      <c r="D20" s="20">
        <v>23</v>
      </c>
      <c r="E20" s="20">
        <v>1958</v>
      </c>
      <c r="F20" s="20">
        <v>116</v>
      </c>
      <c r="G20" s="20">
        <v>1865</v>
      </c>
      <c r="I20" s="22"/>
      <c r="J20" s="22"/>
      <c r="K20" s="22"/>
    </row>
    <row r="21" spans="1:11">
      <c r="A21" s="79"/>
      <c r="B21" s="21">
        <v>0.23799999999999999</v>
      </c>
      <c r="C21" s="21">
        <v>0.76200000000000001</v>
      </c>
      <c r="D21" s="21">
        <v>1.2E-2</v>
      </c>
      <c r="E21" s="21">
        <v>0.98799999999999999</v>
      </c>
      <c r="F21" s="21">
        <v>5.8999999999999997E-2</v>
      </c>
      <c r="G21" s="21">
        <v>0.94099999999999995</v>
      </c>
      <c r="I21" s="22"/>
      <c r="J21" s="22"/>
      <c r="K21" s="22"/>
    </row>
    <row r="22" spans="1:11" ht="24" customHeight="1">
      <c r="A22" s="78" t="s">
        <v>190</v>
      </c>
      <c r="B22" s="20">
        <v>375</v>
      </c>
      <c r="C22" s="20">
        <v>1709</v>
      </c>
      <c r="D22" s="20">
        <v>16</v>
      </c>
      <c r="E22" s="20">
        <v>2068</v>
      </c>
      <c r="F22" s="20">
        <v>89</v>
      </c>
      <c r="G22" s="20">
        <v>1995</v>
      </c>
      <c r="I22" s="22"/>
      <c r="J22" s="22"/>
      <c r="K22" s="22"/>
    </row>
    <row r="23" spans="1:11" ht="24" customHeight="1">
      <c r="A23" s="77"/>
      <c r="B23" s="21">
        <v>0.18</v>
      </c>
      <c r="C23" s="21">
        <v>0.82</v>
      </c>
      <c r="D23" s="21">
        <v>8.0000000000000002E-3</v>
      </c>
      <c r="E23" s="21">
        <v>0.99199999999999999</v>
      </c>
      <c r="F23" s="21">
        <v>4.2999999999999997E-2</v>
      </c>
      <c r="G23" s="21">
        <v>0.95699999999999996</v>
      </c>
      <c r="I23" s="22"/>
      <c r="J23" s="22"/>
      <c r="K23" s="22"/>
    </row>
    <row r="24" spans="1:11">
      <c r="A24" s="95" t="s">
        <v>22</v>
      </c>
      <c r="B24" s="24">
        <v>0</v>
      </c>
      <c r="C24" s="24">
        <v>6</v>
      </c>
      <c r="D24" s="24">
        <v>0</v>
      </c>
      <c r="E24" s="24">
        <v>6</v>
      </c>
      <c r="F24" s="24">
        <v>0</v>
      </c>
      <c r="G24" s="24">
        <v>6</v>
      </c>
      <c r="I24" s="22"/>
      <c r="J24" s="22"/>
      <c r="K24" s="22"/>
    </row>
    <row r="25" spans="1:11">
      <c r="A25" s="99"/>
      <c r="B25" s="21">
        <v>0</v>
      </c>
      <c r="C25" s="21">
        <v>1</v>
      </c>
      <c r="D25" s="21">
        <v>0</v>
      </c>
      <c r="E25" s="21">
        <v>1</v>
      </c>
      <c r="F25" s="21">
        <v>0</v>
      </c>
      <c r="G25" s="21">
        <v>1</v>
      </c>
      <c r="I25" s="22"/>
      <c r="J25" s="22"/>
      <c r="K25" s="22"/>
    </row>
    <row r="26" spans="1:11">
      <c r="A26" s="73" t="s">
        <v>15</v>
      </c>
      <c r="B26" s="20">
        <v>1249</v>
      </c>
      <c r="C26" s="20">
        <v>4418</v>
      </c>
      <c r="D26" s="20">
        <v>81</v>
      </c>
      <c r="E26" s="20">
        <v>5586</v>
      </c>
      <c r="F26" s="20">
        <v>303</v>
      </c>
      <c r="G26" s="20">
        <v>5364</v>
      </c>
      <c r="I26" s="22"/>
      <c r="J26" s="22"/>
      <c r="K26" s="22"/>
    </row>
    <row r="27" spans="1:11">
      <c r="A27" s="74"/>
      <c r="B27" s="21">
        <v>0.22</v>
      </c>
      <c r="C27" s="21">
        <v>0.78</v>
      </c>
      <c r="D27" s="21">
        <v>1.4E-2</v>
      </c>
      <c r="E27" s="21">
        <v>0.98599999999999999</v>
      </c>
      <c r="F27" s="21">
        <v>5.2999999999999999E-2</v>
      </c>
      <c r="G27" s="21">
        <v>0.94699999999999995</v>
      </c>
      <c r="I27" s="22"/>
      <c r="J27" s="22"/>
      <c r="K27" s="22"/>
    </row>
    <row r="28" spans="1:11" ht="14.25" customHeight="1">
      <c r="A28" s="80" t="s">
        <v>302</v>
      </c>
      <c r="B28" s="80"/>
      <c r="C28" s="80"/>
      <c r="D28" s="80"/>
      <c r="E28" s="80"/>
      <c r="F28" s="80"/>
      <c r="G28" s="80"/>
      <c r="H28" s="22"/>
      <c r="I28" s="22"/>
      <c r="J28" s="22"/>
      <c r="K28" s="22"/>
    </row>
    <row r="29" spans="1:11">
      <c r="A29" s="108"/>
      <c r="B29" s="108"/>
      <c r="C29" s="108"/>
      <c r="D29" s="108"/>
      <c r="E29" s="108"/>
      <c r="F29" s="108"/>
      <c r="G29" s="108"/>
    </row>
    <row r="30" spans="1:11">
      <c r="B30" s="25"/>
    </row>
    <row r="31" spans="1:11">
      <c r="B31" s="25"/>
    </row>
  </sheetData>
  <mergeCells count="19">
    <mergeCell ref="A3:A4"/>
    <mergeCell ref="B3:C3"/>
    <mergeCell ref="D3:E3"/>
    <mergeCell ref="F3:G3"/>
    <mergeCell ref="A13:A14"/>
    <mergeCell ref="A5:A6"/>
    <mergeCell ref="A7:A8"/>
    <mergeCell ref="A9:A10"/>
    <mergeCell ref="A11:A12"/>
    <mergeCell ref="B16:C16"/>
    <mergeCell ref="A16:A17"/>
    <mergeCell ref="F16:G16"/>
    <mergeCell ref="A28:G29"/>
    <mergeCell ref="A18:A19"/>
    <mergeCell ref="A20:A21"/>
    <mergeCell ref="A22:A23"/>
    <mergeCell ref="A24:A25"/>
    <mergeCell ref="A26:A27"/>
    <mergeCell ref="D16:E16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9"/>
  <dimension ref="A1:J31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7" width="9.625" style="18" customWidth="1"/>
    <col min="8" max="16384" width="9" style="18"/>
  </cols>
  <sheetData>
    <row r="1" spans="1:10">
      <c r="A1" s="55" t="s">
        <v>537</v>
      </c>
      <c r="C1" s="55"/>
      <c r="D1" s="55"/>
      <c r="E1" s="55"/>
      <c r="F1" s="55"/>
      <c r="G1" s="55"/>
    </row>
    <row r="2" spans="1:10">
      <c r="A2" s="121" t="s">
        <v>613</v>
      </c>
      <c r="B2" s="28"/>
      <c r="C2" s="28"/>
      <c r="D2" s="28"/>
      <c r="E2" s="28"/>
      <c r="F2" s="28"/>
      <c r="G2" s="28"/>
    </row>
    <row r="3" spans="1:10" ht="30.75" customHeight="1">
      <c r="A3" s="84" t="s">
        <v>606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0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0">
      <c r="A5" s="78" t="s">
        <v>43</v>
      </c>
      <c r="B5" s="20">
        <v>320</v>
      </c>
      <c r="C5" s="20">
        <v>1276</v>
      </c>
      <c r="D5" s="20">
        <v>66</v>
      </c>
      <c r="E5" s="20">
        <v>1530</v>
      </c>
      <c r="F5" s="20">
        <v>311</v>
      </c>
      <c r="G5" s="20">
        <v>1285</v>
      </c>
    </row>
    <row r="6" spans="1:10">
      <c r="A6" s="77"/>
      <c r="B6" s="21">
        <v>0.20100000000000001</v>
      </c>
      <c r="C6" s="21">
        <v>0.79900000000000004</v>
      </c>
      <c r="D6" s="21">
        <v>4.1000000000000002E-2</v>
      </c>
      <c r="E6" s="21">
        <v>0.95899999999999996</v>
      </c>
      <c r="F6" s="21">
        <v>0.19500000000000001</v>
      </c>
      <c r="G6" s="21">
        <v>0.80500000000000005</v>
      </c>
    </row>
    <row r="7" spans="1:10" s="23" customFormat="1">
      <c r="A7" s="78" t="s">
        <v>44</v>
      </c>
      <c r="B7" s="20">
        <v>348</v>
      </c>
      <c r="C7" s="20">
        <v>1633</v>
      </c>
      <c r="D7" s="20">
        <v>51</v>
      </c>
      <c r="E7" s="20">
        <v>1930</v>
      </c>
      <c r="F7" s="20">
        <v>250</v>
      </c>
      <c r="G7" s="20">
        <v>1731</v>
      </c>
    </row>
    <row r="8" spans="1:10">
      <c r="A8" s="79"/>
      <c r="B8" s="21">
        <v>0.17599999999999999</v>
      </c>
      <c r="C8" s="21">
        <v>0.82399999999999995</v>
      </c>
      <c r="D8" s="21">
        <v>2.5999999999999999E-2</v>
      </c>
      <c r="E8" s="21">
        <v>0.97399999999999998</v>
      </c>
      <c r="F8" s="21">
        <v>0.126</v>
      </c>
      <c r="G8" s="21">
        <v>0.874</v>
      </c>
    </row>
    <row r="9" spans="1:10">
      <c r="A9" s="78" t="s">
        <v>190</v>
      </c>
      <c r="B9" s="20">
        <v>423</v>
      </c>
      <c r="C9" s="20">
        <v>1661</v>
      </c>
      <c r="D9" s="20">
        <v>70</v>
      </c>
      <c r="E9" s="20">
        <v>2014</v>
      </c>
      <c r="F9" s="20">
        <v>287</v>
      </c>
      <c r="G9" s="20">
        <v>1797</v>
      </c>
      <c r="H9" s="22"/>
      <c r="I9" s="22"/>
      <c r="J9" s="22"/>
    </row>
    <row r="10" spans="1:10">
      <c r="A10" s="77"/>
      <c r="B10" s="21">
        <v>0.20300000000000001</v>
      </c>
      <c r="C10" s="21">
        <v>0.79700000000000004</v>
      </c>
      <c r="D10" s="21">
        <v>3.4000000000000002E-2</v>
      </c>
      <c r="E10" s="21">
        <v>0.96599999999999997</v>
      </c>
      <c r="F10" s="21">
        <v>0.13800000000000001</v>
      </c>
      <c r="G10" s="21">
        <v>0.86199999999999999</v>
      </c>
    </row>
    <row r="11" spans="1:10">
      <c r="A11" s="95" t="s">
        <v>22</v>
      </c>
      <c r="B11" s="24">
        <v>2</v>
      </c>
      <c r="C11" s="24">
        <v>4</v>
      </c>
      <c r="D11" s="24">
        <v>0</v>
      </c>
      <c r="E11" s="24">
        <v>6</v>
      </c>
      <c r="F11" s="24">
        <v>0</v>
      </c>
      <c r="G11" s="24">
        <v>6</v>
      </c>
      <c r="H11" s="22"/>
      <c r="I11" s="22"/>
      <c r="J11" s="22"/>
    </row>
    <row r="12" spans="1:10">
      <c r="A12" s="99"/>
      <c r="B12" s="21">
        <v>0.33300000000000002</v>
      </c>
      <c r="C12" s="21">
        <v>0.66700000000000004</v>
      </c>
      <c r="D12" s="21">
        <v>0</v>
      </c>
      <c r="E12" s="21">
        <v>1</v>
      </c>
      <c r="F12" s="21">
        <v>0</v>
      </c>
      <c r="G12" s="21">
        <v>1</v>
      </c>
    </row>
    <row r="13" spans="1:10" s="23" customFormat="1">
      <c r="A13" s="73" t="s">
        <v>15</v>
      </c>
      <c r="B13" s="20">
        <v>1093</v>
      </c>
      <c r="C13" s="20">
        <v>4574</v>
      </c>
      <c r="D13" s="20">
        <v>187</v>
      </c>
      <c r="E13" s="20">
        <v>5480</v>
      </c>
      <c r="F13" s="20">
        <v>848</v>
      </c>
      <c r="G13" s="20">
        <v>4819</v>
      </c>
    </row>
    <row r="14" spans="1:10">
      <c r="A14" s="74"/>
      <c r="B14" s="21">
        <v>0.193</v>
      </c>
      <c r="C14" s="21">
        <v>0.80700000000000005</v>
      </c>
      <c r="D14" s="21">
        <v>3.3000000000000002E-2</v>
      </c>
      <c r="E14" s="21">
        <v>0.96699999999999997</v>
      </c>
      <c r="F14" s="21">
        <v>0.15</v>
      </c>
      <c r="G14" s="21">
        <v>0.85</v>
      </c>
    </row>
    <row r="15" spans="1:10">
      <c r="A15" s="36"/>
      <c r="B15" s="51"/>
      <c r="C15" s="51"/>
      <c r="D15" s="51"/>
      <c r="E15" s="51"/>
      <c r="F15" s="51"/>
      <c r="G15" s="51"/>
    </row>
    <row r="16" spans="1:10" ht="31.5" customHeight="1">
      <c r="A16" s="84" t="s">
        <v>606</v>
      </c>
      <c r="B16" s="82" t="s">
        <v>166</v>
      </c>
      <c r="C16" s="82"/>
      <c r="D16" s="52"/>
      <c r="E16" s="52"/>
      <c r="F16" s="52"/>
      <c r="G16" s="52"/>
    </row>
    <row r="17" spans="1:7">
      <c r="A17" s="84"/>
      <c r="B17" s="11" t="s">
        <v>180</v>
      </c>
      <c r="C17" s="11" t="s">
        <v>181</v>
      </c>
      <c r="D17" s="52"/>
      <c r="E17" s="52"/>
      <c r="F17" s="52"/>
      <c r="G17" s="52"/>
    </row>
    <row r="18" spans="1:7">
      <c r="A18" s="78" t="s">
        <v>43</v>
      </c>
      <c r="B18" s="20">
        <v>27</v>
      </c>
      <c r="C18" s="20">
        <v>1569</v>
      </c>
      <c r="D18" s="52"/>
      <c r="E18" s="52"/>
      <c r="F18" s="52"/>
      <c r="G18" s="52"/>
    </row>
    <row r="19" spans="1:7">
      <c r="A19" s="77"/>
      <c r="B19" s="21">
        <v>1.7000000000000001E-2</v>
      </c>
      <c r="C19" s="21">
        <v>0.98299999999999998</v>
      </c>
      <c r="D19" s="52"/>
      <c r="E19" s="52"/>
      <c r="F19" s="52"/>
      <c r="G19" s="52"/>
    </row>
    <row r="20" spans="1:7">
      <c r="A20" s="78" t="s">
        <v>44</v>
      </c>
      <c r="B20" s="20">
        <v>55</v>
      </c>
      <c r="C20" s="20">
        <v>1926</v>
      </c>
      <c r="D20" s="52"/>
      <c r="E20" s="52"/>
      <c r="F20" s="52"/>
      <c r="G20" s="52"/>
    </row>
    <row r="21" spans="1:7">
      <c r="A21" s="79"/>
      <c r="B21" s="21">
        <v>2.8000000000000001E-2</v>
      </c>
      <c r="C21" s="21">
        <v>0.97199999999999998</v>
      </c>
      <c r="D21" s="52"/>
      <c r="E21" s="52"/>
      <c r="F21" s="52"/>
      <c r="G21" s="52"/>
    </row>
    <row r="22" spans="1:7">
      <c r="A22" s="78" t="s">
        <v>190</v>
      </c>
      <c r="B22" s="20">
        <v>49</v>
      </c>
      <c r="C22" s="20">
        <v>2035</v>
      </c>
      <c r="D22" s="52"/>
      <c r="E22" s="52"/>
      <c r="F22" s="52"/>
      <c r="G22" s="52"/>
    </row>
    <row r="23" spans="1:7">
      <c r="A23" s="77"/>
      <c r="B23" s="21">
        <v>2.4E-2</v>
      </c>
      <c r="C23" s="21">
        <v>0.97599999999999998</v>
      </c>
      <c r="D23" s="52"/>
      <c r="E23" s="52"/>
      <c r="F23" s="52"/>
      <c r="G23" s="52"/>
    </row>
    <row r="24" spans="1:7">
      <c r="A24" s="95" t="s">
        <v>22</v>
      </c>
      <c r="B24" s="24">
        <v>0</v>
      </c>
      <c r="C24" s="24">
        <v>6</v>
      </c>
      <c r="D24" s="52"/>
      <c r="E24" s="52"/>
      <c r="F24" s="52"/>
      <c r="G24" s="52"/>
    </row>
    <row r="25" spans="1:7">
      <c r="A25" s="99"/>
      <c r="B25" s="21">
        <v>0</v>
      </c>
      <c r="C25" s="21">
        <v>1</v>
      </c>
      <c r="D25" s="52"/>
      <c r="E25" s="52"/>
      <c r="F25" s="52"/>
      <c r="G25" s="52"/>
    </row>
    <row r="26" spans="1:7">
      <c r="A26" s="73" t="s">
        <v>15</v>
      </c>
      <c r="B26" s="20">
        <v>131</v>
      </c>
      <c r="C26" s="20">
        <v>5536</v>
      </c>
      <c r="D26" s="52"/>
      <c r="E26" s="52"/>
      <c r="F26" s="52"/>
      <c r="G26" s="52"/>
    </row>
    <row r="27" spans="1:7">
      <c r="A27" s="74"/>
      <c r="B27" s="21">
        <v>2.3E-2</v>
      </c>
      <c r="C27" s="21">
        <v>0.97699999999999998</v>
      </c>
    </row>
    <row r="28" spans="1:7" ht="14.25" customHeight="1">
      <c r="A28" s="71" t="s">
        <v>302</v>
      </c>
      <c r="B28" s="71"/>
      <c r="C28" s="71"/>
      <c r="D28" s="22"/>
      <c r="E28" s="22"/>
      <c r="F28" s="22"/>
    </row>
    <row r="29" spans="1:7">
      <c r="A29" s="109"/>
      <c r="B29" s="109"/>
      <c r="C29" s="109"/>
    </row>
    <row r="30" spans="1:7">
      <c r="A30" s="109"/>
      <c r="B30" s="109"/>
      <c r="C30" s="109"/>
    </row>
    <row r="31" spans="1:7">
      <c r="A31" s="109"/>
      <c r="B31" s="109"/>
      <c r="C31" s="109"/>
    </row>
  </sheetData>
  <mergeCells count="17">
    <mergeCell ref="A13:A14"/>
    <mergeCell ref="D3:E3"/>
    <mergeCell ref="F3:G3"/>
    <mergeCell ref="A26:A27"/>
    <mergeCell ref="A28:C31"/>
    <mergeCell ref="B16:C16"/>
    <mergeCell ref="A3:A4"/>
    <mergeCell ref="B3:C3"/>
    <mergeCell ref="A16:A17"/>
    <mergeCell ref="A18:A19"/>
    <mergeCell ref="A20:A21"/>
    <mergeCell ref="A22:A23"/>
    <mergeCell ref="A24:A25"/>
    <mergeCell ref="A5:A6"/>
    <mergeCell ref="A7:A8"/>
    <mergeCell ref="A9:A10"/>
    <mergeCell ref="A11:A12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0"/>
  <dimension ref="A1:Q16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5" width="9" style="18" customWidth="1"/>
    <col min="6" max="16384" width="9" style="18"/>
  </cols>
  <sheetData>
    <row r="1" spans="1:17">
      <c r="A1" s="70" t="s">
        <v>538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72</v>
      </c>
      <c r="B3" s="76" t="s">
        <v>124</v>
      </c>
      <c r="C3" s="76"/>
      <c r="D3" s="76"/>
      <c r="E3" s="76"/>
    </row>
    <row r="4" spans="1:17" ht="28.5">
      <c r="A4" s="84"/>
      <c r="B4" s="11" t="s">
        <v>193</v>
      </c>
      <c r="C4" s="11" t="s">
        <v>194</v>
      </c>
      <c r="D4" s="11" t="s">
        <v>22</v>
      </c>
      <c r="E4" s="11" t="s">
        <v>15</v>
      </c>
    </row>
    <row r="5" spans="1:17">
      <c r="A5" s="78" t="s">
        <v>43</v>
      </c>
      <c r="B5" s="20">
        <v>1214</v>
      </c>
      <c r="C5" s="20">
        <v>445</v>
      </c>
      <c r="D5" s="20">
        <v>6</v>
      </c>
      <c r="E5" s="20">
        <v>1665</v>
      </c>
    </row>
    <row r="6" spans="1:17">
      <c r="A6" s="77"/>
      <c r="B6" s="21">
        <v>0.72899999999999998</v>
      </c>
      <c r="C6" s="21">
        <v>0.26700000000000002</v>
      </c>
      <c r="D6" s="21">
        <v>4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44</v>
      </c>
      <c r="B7" s="20">
        <v>1389</v>
      </c>
      <c r="C7" s="20">
        <v>737</v>
      </c>
      <c r="D7" s="20">
        <v>10</v>
      </c>
      <c r="E7" s="20">
        <v>2136</v>
      </c>
    </row>
    <row r="8" spans="1:17">
      <c r="A8" s="79"/>
      <c r="B8" s="21">
        <v>0.65</v>
      </c>
      <c r="C8" s="21">
        <v>0.34499999999999997</v>
      </c>
      <c r="D8" s="21">
        <v>5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604</v>
      </c>
      <c r="B9" s="20">
        <v>1401</v>
      </c>
      <c r="C9" s="20">
        <v>858</v>
      </c>
      <c r="D9" s="20">
        <v>1</v>
      </c>
      <c r="E9" s="20">
        <v>2260</v>
      </c>
      <c r="J9" s="22"/>
      <c r="K9" s="22"/>
      <c r="L9" s="22"/>
      <c r="M9" s="22"/>
      <c r="N9" s="22"/>
      <c r="O9" s="22"/>
      <c r="P9" s="22"/>
      <c r="Q9" s="22"/>
    </row>
    <row r="10" spans="1:17">
      <c r="A10" s="77"/>
      <c r="B10" s="21">
        <v>0.62</v>
      </c>
      <c r="C10" s="21">
        <v>0.38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1</v>
      </c>
      <c r="C11" s="24">
        <v>5</v>
      </c>
      <c r="D11" s="24">
        <v>3</v>
      </c>
      <c r="E11" s="24">
        <v>9</v>
      </c>
    </row>
    <row r="12" spans="1:17">
      <c r="A12" s="99"/>
      <c r="B12" s="21">
        <v>0.111</v>
      </c>
      <c r="C12" s="21">
        <v>0.55600000000000005</v>
      </c>
      <c r="D12" s="21">
        <v>0.3330000000000000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4005</v>
      </c>
      <c r="C13" s="20">
        <v>2045</v>
      </c>
      <c r="D13" s="20">
        <v>20</v>
      </c>
      <c r="E13" s="20">
        <v>6070</v>
      </c>
    </row>
    <row r="14" spans="1:17">
      <c r="A14" s="74"/>
      <c r="B14" s="21">
        <v>0.66</v>
      </c>
      <c r="C14" s="21">
        <v>0.3370000000000000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>
      <c r="A15" s="80" t="s">
        <v>225</v>
      </c>
      <c r="B15" s="98"/>
      <c r="C15" s="98"/>
      <c r="D15" s="98"/>
      <c r="E15" s="98"/>
      <c r="J15" s="22"/>
      <c r="K15" s="22"/>
      <c r="L15" s="22"/>
      <c r="M15" s="22"/>
      <c r="N15" s="22"/>
    </row>
    <row r="16" spans="1:17">
      <c r="A16" s="25"/>
      <c r="B16" s="25"/>
      <c r="C16" s="25"/>
      <c r="D16" s="25"/>
      <c r="E16" s="25"/>
      <c r="J16" s="22"/>
      <c r="K16" s="22"/>
      <c r="L16" s="22"/>
      <c r="M16" s="22"/>
      <c r="N16" s="22"/>
      <c r="O16" s="2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1"/>
  <dimension ref="A1:Q18"/>
  <sheetViews>
    <sheetView workbookViewId="0">
      <selection activeCell="A2" sqref="A2"/>
    </sheetView>
  </sheetViews>
  <sheetFormatPr defaultColWidth="9" defaultRowHeight="14.25"/>
  <cols>
    <col min="1" max="1" width="22.75" style="18" bestFit="1" customWidth="1"/>
    <col min="2" max="5" width="9" style="18" customWidth="1"/>
    <col min="6" max="16384" width="9" style="18"/>
  </cols>
  <sheetData>
    <row r="1" spans="1:17">
      <c r="A1" s="70" t="s">
        <v>539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72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43</v>
      </c>
      <c r="B5" s="20">
        <v>774</v>
      </c>
      <c r="C5" s="20">
        <v>410</v>
      </c>
      <c r="D5" s="20">
        <v>30</v>
      </c>
      <c r="E5" s="20">
        <v>1214</v>
      </c>
    </row>
    <row r="6" spans="1:17">
      <c r="A6" s="77"/>
      <c r="B6" s="21">
        <v>0.63800000000000001</v>
      </c>
      <c r="C6" s="21">
        <v>0.33800000000000002</v>
      </c>
      <c r="D6" s="21">
        <v>2.5000000000000001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44</v>
      </c>
      <c r="B7" s="24">
        <v>853</v>
      </c>
      <c r="C7" s="24">
        <v>507</v>
      </c>
      <c r="D7" s="24">
        <v>29</v>
      </c>
      <c r="E7" s="20">
        <v>1389</v>
      </c>
      <c r="J7" s="22"/>
      <c r="K7" s="22"/>
      <c r="L7" s="22"/>
      <c r="M7" s="22"/>
      <c r="N7" s="22"/>
    </row>
    <row r="8" spans="1:17">
      <c r="A8" s="79"/>
      <c r="B8" s="21">
        <v>0.61399999999999999</v>
      </c>
      <c r="C8" s="21">
        <v>0.36499999999999999</v>
      </c>
      <c r="D8" s="21">
        <v>2.1000000000000001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604</v>
      </c>
      <c r="B9" s="20">
        <v>827</v>
      </c>
      <c r="C9" s="20">
        <v>539</v>
      </c>
      <c r="D9" s="20">
        <v>35</v>
      </c>
      <c r="E9" s="20">
        <v>1401</v>
      </c>
      <c r="J9" s="22"/>
      <c r="K9" s="22"/>
      <c r="L9" s="22"/>
      <c r="M9" s="22"/>
      <c r="N9" s="22"/>
      <c r="O9" s="22"/>
      <c r="P9" s="22"/>
      <c r="Q9" s="22"/>
    </row>
    <row r="10" spans="1:17">
      <c r="A10" s="77"/>
      <c r="B10" s="21">
        <v>0.59</v>
      </c>
      <c r="C10" s="21">
        <v>0.38500000000000001</v>
      </c>
      <c r="D10" s="21">
        <v>2.5000000000000001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0</v>
      </c>
      <c r="C11" s="24">
        <v>1</v>
      </c>
      <c r="D11" s="24">
        <v>0</v>
      </c>
      <c r="E11" s="24">
        <v>1</v>
      </c>
    </row>
    <row r="12" spans="1:17">
      <c r="A12" s="99"/>
      <c r="B12" s="21">
        <v>0</v>
      </c>
      <c r="C12" s="21">
        <v>1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2454</v>
      </c>
      <c r="C13" s="20">
        <v>1457</v>
      </c>
      <c r="D13" s="20">
        <v>94</v>
      </c>
      <c r="E13" s="20">
        <v>4005</v>
      </c>
    </row>
    <row r="14" spans="1:17">
      <c r="A14" s="74"/>
      <c r="B14" s="21">
        <v>0.61299999999999999</v>
      </c>
      <c r="C14" s="21">
        <v>0.36399999999999999</v>
      </c>
      <c r="D14" s="21">
        <v>2.3E-2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71" t="s">
        <v>216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7">
      <c r="A16" s="109"/>
      <c r="B16" s="109"/>
      <c r="C16" s="109"/>
      <c r="D16" s="109"/>
      <c r="E16" s="109"/>
      <c r="J16" s="22"/>
      <c r="K16" s="22"/>
      <c r="L16" s="22"/>
      <c r="M16" s="22"/>
      <c r="N16" s="22"/>
      <c r="O16" s="22"/>
    </row>
    <row r="17" spans="1:5">
      <c r="A17" s="109"/>
      <c r="B17" s="109"/>
      <c r="C17" s="109"/>
      <c r="D17" s="109"/>
      <c r="E17" s="109"/>
    </row>
    <row r="18" spans="1:5">
      <c r="A18" s="109"/>
      <c r="B18" s="109"/>
      <c r="C18" s="109"/>
      <c r="D18" s="109"/>
      <c r="E18" s="109"/>
    </row>
  </sheetData>
  <mergeCells count="9">
    <mergeCell ref="A15:E18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2"/>
  <dimension ref="A1:S16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7" width="9" style="18" customWidth="1"/>
    <col min="8" max="16384" width="9" style="18"/>
  </cols>
  <sheetData>
    <row r="1" spans="1:19">
      <c r="A1" s="70" t="s">
        <v>540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72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212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8" t="s">
        <v>43</v>
      </c>
      <c r="B5" s="20">
        <v>135</v>
      </c>
      <c r="C5" s="20">
        <v>361</v>
      </c>
      <c r="D5" s="20">
        <v>481</v>
      </c>
      <c r="E5" s="20">
        <v>684</v>
      </c>
      <c r="F5" s="20">
        <v>4</v>
      </c>
      <c r="G5" s="20">
        <v>1665</v>
      </c>
    </row>
    <row r="6" spans="1:19">
      <c r="A6" s="77"/>
      <c r="B6" s="21">
        <v>8.1000000000000003E-2</v>
      </c>
      <c r="C6" s="21">
        <v>0.217</v>
      </c>
      <c r="D6" s="21">
        <v>0.28899999999999998</v>
      </c>
      <c r="E6" s="21">
        <v>0.41099999999999998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44</v>
      </c>
      <c r="B7" s="24">
        <v>146</v>
      </c>
      <c r="C7" s="24">
        <v>546</v>
      </c>
      <c r="D7" s="24">
        <v>639</v>
      </c>
      <c r="E7" s="24">
        <v>799</v>
      </c>
      <c r="F7" s="24">
        <v>6</v>
      </c>
      <c r="G7" s="20">
        <v>2136</v>
      </c>
      <c r="L7" s="22"/>
      <c r="M7" s="22"/>
      <c r="N7" s="22"/>
      <c r="O7" s="22"/>
      <c r="P7" s="22"/>
    </row>
    <row r="8" spans="1:19">
      <c r="A8" s="79"/>
      <c r="B8" s="21">
        <v>6.8000000000000005E-2</v>
      </c>
      <c r="C8" s="21">
        <v>0.25600000000000001</v>
      </c>
      <c r="D8" s="21">
        <v>0.29899999999999999</v>
      </c>
      <c r="E8" s="21">
        <v>0.374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604</v>
      </c>
      <c r="B9" s="20">
        <v>154</v>
      </c>
      <c r="C9" s="20">
        <v>516</v>
      </c>
      <c r="D9" s="20">
        <v>708</v>
      </c>
      <c r="E9" s="20">
        <v>876</v>
      </c>
      <c r="F9" s="20">
        <v>6</v>
      </c>
      <c r="G9" s="20">
        <v>2260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6.8000000000000005E-2</v>
      </c>
      <c r="C10" s="21">
        <v>0.22800000000000001</v>
      </c>
      <c r="D10" s="21">
        <v>0.313</v>
      </c>
      <c r="E10" s="21">
        <v>0.38800000000000001</v>
      </c>
      <c r="F10" s="21">
        <v>3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0</v>
      </c>
      <c r="C11" s="24">
        <v>1</v>
      </c>
      <c r="D11" s="24">
        <v>3</v>
      </c>
      <c r="E11" s="24">
        <v>2</v>
      </c>
      <c r="F11" s="24">
        <v>3</v>
      </c>
      <c r="G11" s="24">
        <v>9</v>
      </c>
    </row>
    <row r="12" spans="1:19">
      <c r="A12" s="99"/>
      <c r="B12" s="21">
        <v>0</v>
      </c>
      <c r="C12" s="21">
        <v>0.111</v>
      </c>
      <c r="D12" s="21">
        <v>0.33300000000000002</v>
      </c>
      <c r="E12" s="21">
        <v>0.222</v>
      </c>
      <c r="F12" s="21">
        <v>0.33300000000000002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435</v>
      </c>
      <c r="C13" s="20">
        <v>1424</v>
      </c>
      <c r="D13" s="20">
        <v>1831</v>
      </c>
      <c r="E13" s="20">
        <v>2361</v>
      </c>
      <c r="F13" s="20">
        <v>19</v>
      </c>
      <c r="G13" s="20">
        <v>6070</v>
      </c>
    </row>
    <row r="14" spans="1:19">
      <c r="A14" s="74"/>
      <c r="B14" s="21">
        <v>7.1999999999999995E-2</v>
      </c>
      <c r="C14" s="21">
        <v>0.23499999999999999</v>
      </c>
      <c r="D14" s="21">
        <v>0.30199999999999999</v>
      </c>
      <c r="E14" s="21">
        <v>0.38900000000000001</v>
      </c>
      <c r="F14" s="21">
        <v>3.000000000000000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80" t="s">
        <v>217</v>
      </c>
      <c r="B15" s="98"/>
      <c r="C15" s="98"/>
      <c r="D15" s="98"/>
      <c r="E15" s="98"/>
      <c r="F15" s="98"/>
      <c r="G15" s="98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"/>
  <dimension ref="A1:Q25"/>
  <sheetViews>
    <sheetView workbookViewId="0">
      <selection activeCell="A2" sqref="A2"/>
    </sheetView>
  </sheetViews>
  <sheetFormatPr defaultColWidth="9" defaultRowHeight="14.25"/>
  <cols>
    <col min="1" max="5" width="9" style="18" customWidth="1"/>
    <col min="6" max="16384" width="9" style="18"/>
  </cols>
  <sheetData>
    <row r="1" spans="1:17">
      <c r="A1" s="70" t="s">
        <v>24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136</v>
      </c>
      <c r="B3" s="76" t="s">
        <v>258</v>
      </c>
      <c r="C3" s="76"/>
      <c r="D3" s="76"/>
      <c r="E3" s="76"/>
    </row>
    <row r="4" spans="1:17">
      <c r="A4" s="75"/>
      <c r="B4" s="11" t="s">
        <v>25</v>
      </c>
      <c r="C4" s="11" t="s">
        <v>145</v>
      </c>
      <c r="D4" s="11" t="s">
        <v>22</v>
      </c>
      <c r="E4" s="11" t="s">
        <v>15</v>
      </c>
    </row>
    <row r="5" spans="1:17">
      <c r="A5" s="73" t="s">
        <v>114</v>
      </c>
      <c r="B5" s="20">
        <v>720</v>
      </c>
      <c r="C5" s="20">
        <v>205</v>
      </c>
      <c r="D5" s="20">
        <v>122</v>
      </c>
      <c r="E5" s="20">
        <v>1047</v>
      </c>
    </row>
    <row r="6" spans="1:17">
      <c r="A6" s="77"/>
      <c r="B6" s="21">
        <v>0.68799999999999994</v>
      </c>
      <c r="C6" s="21">
        <v>0.19600000000000001</v>
      </c>
      <c r="D6" s="21">
        <v>0.11700000000000001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3" t="s">
        <v>115</v>
      </c>
      <c r="B7" s="24">
        <v>506</v>
      </c>
      <c r="C7" s="24">
        <v>147</v>
      </c>
      <c r="D7" s="24">
        <v>61</v>
      </c>
      <c r="E7" s="20">
        <v>714</v>
      </c>
      <c r="J7" s="22"/>
      <c r="K7" s="22"/>
      <c r="L7" s="22"/>
      <c r="M7" s="22"/>
      <c r="N7" s="22"/>
    </row>
    <row r="8" spans="1:17">
      <c r="A8" s="74"/>
      <c r="B8" s="21">
        <v>0.70899999999999996</v>
      </c>
      <c r="C8" s="21">
        <v>0.20599999999999999</v>
      </c>
      <c r="D8" s="21">
        <v>8.5000000000000006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2</v>
      </c>
      <c r="B9" s="24">
        <v>3</v>
      </c>
      <c r="C9" s="24">
        <v>2</v>
      </c>
      <c r="D9" s="24">
        <v>1</v>
      </c>
      <c r="E9" s="24">
        <v>6</v>
      </c>
      <c r="J9" s="22"/>
      <c r="K9" s="22"/>
      <c r="L9" s="22"/>
      <c r="M9" s="22"/>
      <c r="N9" s="22"/>
    </row>
    <row r="10" spans="1:17">
      <c r="A10" s="74"/>
      <c r="B10" s="21">
        <v>0.5</v>
      </c>
      <c r="C10" s="21">
        <v>0.33300000000000002</v>
      </c>
      <c r="D10" s="21">
        <v>0.16700000000000001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8" t="s">
        <v>15</v>
      </c>
      <c r="B11" s="20">
        <v>1229</v>
      </c>
      <c r="C11" s="20">
        <v>354</v>
      </c>
      <c r="D11" s="20">
        <v>184</v>
      </c>
      <c r="E11" s="20">
        <v>1767</v>
      </c>
    </row>
    <row r="12" spans="1:17">
      <c r="A12" s="79"/>
      <c r="B12" s="21">
        <v>0.69599999999999995</v>
      </c>
      <c r="C12" s="21">
        <v>0.2</v>
      </c>
      <c r="D12" s="21">
        <v>0.104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37" t="s">
        <v>589</v>
      </c>
      <c r="B13" s="37"/>
      <c r="C13" s="37"/>
      <c r="D13" s="37"/>
      <c r="E13" s="37"/>
      <c r="J13" s="22"/>
      <c r="K13" s="22"/>
      <c r="L13" s="22"/>
      <c r="M13" s="22"/>
      <c r="N13" s="22"/>
    </row>
    <row r="14" spans="1:17">
      <c r="A14" s="38"/>
      <c r="B14" s="38"/>
      <c r="C14" s="38"/>
      <c r="D14" s="38"/>
      <c r="E14" s="38"/>
      <c r="J14" s="22"/>
      <c r="K14" s="22"/>
      <c r="L14" s="22"/>
      <c r="M14" s="22"/>
      <c r="N14" s="22"/>
      <c r="O14" s="22"/>
      <c r="P14" s="22"/>
      <c r="Q14" s="22"/>
    </row>
    <row r="15" spans="1:17">
      <c r="J15" s="22"/>
      <c r="K15" s="22"/>
      <c r="L15" s="22"/>
      <c r="M15" s="22"/>
      <c r="N15" s="22"/>
    </row>
    <row r="16" spans="1:17">
      <c r="J16" s="22"/>
      <c r="K16" s="22"/>
      <c r="L16" s="22"/>
      <c r="M16" s="22"/>
      <c r="N16" s="22"/>
      <c r="O16" s="22"/>
      <c r="P16" s="22"/>
      <c r="Q16" s="22"/>
    </row>
    <row r="17" spans="10:17">
      <c r="J17" s="22"/>
      <c r="K17" s="22"/>
      <c r="L17" s="22"/>
      <c r="M17" s="22"/>
      <c r="N17" s="22"/>
    </row>
    <row r="18" spans="10:17">
      <c r="J18" s="22"/>
      <c r="K18" s="22"/>
      <c r="L18" s="22"/>
      <c r="M18" s="22"/>
      <c r="N18" s="22"/>
      <c r="O18" s="22"/>
      <c r="P18" s="22"/>
      <c r="Q18" s="22"/>
    </row>
    <row r="19" spans="10:17">
      <c r="J19" s="22"/>
      <c r="K19" s="22"/>
      <c r="L19" s="22"/>
      <c r="M19" s="22"/>
      <c r="N19" s="22"/>
    </row>
    <row r="20" spans="10:17">
      <c r="J20" s="22"/>
      <c r="K20" s="22"/>
      <c r="L20" s="22"/>
      <c r="M20" s="22"/>
      <c r="N20" s="22"/>
      <c r="O20" s="22"/>
      <c r="P20" s="22"/>
      <c r="Q20" s="22"/>
    </row>
    <row r="21" spans="10:17">
      <c r="J21" s="22"/>
      <c r="K21" s="22"/>
      <c r="L21" s="22"/>
      <c r="M21" s="22"/>
      <c r="N21" s="22"/>
    </row>
    <row r="22" spans="10:17">
      <c r="J22" s="22"/>
      <c r="K22" s="22"/>
      <c r="L22" s="22"/>
      <c r="M22" s="22"/>
      <c r="N22" s="22"/>
      <c r="O22" s="22"/>
      <c r="P22" s="22"/>
      <c r="Q22" s="22"/>
    </row>
    <row r="23" spans="10:17">
      <c r="J23" s="22"/>
      <c r="K23" s="22"/>
      <c r="L23" s="22"/>
      <c r="M23" s="22"/>
      <c r="N23" s="22"/>
    </row>
    <row r="24" spans="10:17">
      <c r="J24" s="22"/>
      <c r="K24" s="22"/>
      <c r="L24" s="22"/>
      <c r="M24" s="22"/>
      <c r="N24" s="22"/>
      <c r="O24" s="22"/>
      <c r="P24" s="22"/>
      <c r="Q24" s="22"/>
    </row>
    <row r="25" spans="10:17">
      <c r="J25" s="22"/>
      <c r="K25" s="22"/>
      <c r="L25" s="22"/>
      <c r="M25" s="22"/>
      <c r="N25" s="22"/>
    </row>
  </sheetData>
  <mergeCells count="7"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3"/>
  <dimension ref="A1:R16"/>
  <sheetViews>
    <sheetView workbookViewId="0">
      <selection activeCell="A2" sqref="A2"/>
    </sheetView>
  </sheetViews>
  <sheetFormatPr defaultColWidth="9" defaultRowHeight="14.25"/>
  <cols>
    <col min="1" max="1" width="22.75" style="18" bestFit="1" customWidth="1"/>
    <col min="2" max="6" width="9" style="18" customWidth="1"/>
    <col min="7" max="16384" width="9" style="18"/>
  </cols>
  <sheetData>
    <row r="1" spans="1:18">
      <c r="A1" s="70" t="s">
        <v>54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72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8" t="s">
        <v>43</v>
      </c>
      <c r="B5" s="20">
        <v>204</v>
      </c>
      <c r="C5" s="20">
        <v>296</v>
      </c>
      <c r="D5" s="20">
        <v>1158</v>
      </c>
      <c r="E5" s="20">
        <v>7</v>
      </c>
      <c r="F5" s="20">
        <v>1665</v>
      </c>
    </row>
    <row r="6" spans="1:18">
      <c r="A6" s="77"/>
      <c r="B6" s="21">
        <v>0.123</v>
      </c>
      <c r="C6" s="21">
        <v>0.17799999999999999</v>
      </c>
      <c r="D6" s="21">
        <v>0.69499999999999995</v>
      </c>
      <c r="E6" s="21">
        <v>4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8" t="s">
        <v>44</v>
      </c>
      <c r="B7" s="20">
        <v>194</v>
      </c>
      <c r="C7" s="20">
        <v>381</v>
      </c>
      <c r="D7" s="20">
        <v>1546</v>
      </c>
      <c r="E7" s="20">
        <v>15</v>
      </c>
      <c r="F7" s="20">
        <v>2136</v>
      </c>
    </row>
    <row r="8" spans="1:18">
      <c r="A8" s="79"/>
      <c r="B8" s="21">
        <v>9.0999999999999998E-2</v>
      </c>
      <c r="C8" s="21">
        <v>0.17799999999999999</v>
      </c>
      <c r="D8" s="21">
        <v>0.72399999999999998</v>
      </c>
      <c r="E8" s="21">
        <v>7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604</v>
      </c>
      <c r="B9" s="20">
        <v>194</v>
      </c>
      <c r="C9" s="20">
        <v>446</v>
      </c>
      <c r="D9" s="20">
        <v>1611</v>
      </c>
      <c r="E9" s="20">
        <v>9</v>
      </c>
      <c r="F9" s="20">
        <v>2260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8.5999999999999993E-2</v>
      </c>
      <c r="C10" s="21">
        <v>0.19700000000000001</v>
      </c>
      <c r="D10" s="21">
        <v>0.71299999999999997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1</v>
      </c>
      <c r="C11" s="24">
        <v>0</v>
      </c>
      <c r="D11" s="24">
        <v>5</v>
      </c>
      <c r="E11" s="24">
        <v>3</v>
      </c>
      <c r="F11" s="24">
        <v>9</v>
      </c>
    </row>
    <row r="12" spans="1:18">
      <c r="A12" s="99"/>
      <c r="B12" s="21">
        <v>0.111</v>
      </c>
      <c r="C12" s="21">
        <v>0</v>
      </c>
      <c r="D12" s="21">
        <v>0.55600000000000005</v>
      </c>
      <c r="E12" s="21">
        <v>0.33300000000000002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593</v>
      </c>
      <c r="C13" s="20">
        <v>1123</v>
      </c>
      <c r="D13" s="20">
        <v>4320</v>
      </c>
      <c r="E13" s="20">
        <v>34</v>
      </c>
      <c r="F13" s="20">
        <v>6070</v>
      </c>
    </row>
    <row r="14" spans="1:18">
      <c r="A14" s="74"/>
      <c r="B14" s="21">
        <v>9.8000000000000004E-2</v>
      </c>
      <c r="C14" s="21">
        <v>0.185</v>
      </c>
      <c r="D14" s="21">
        <v>0.71199999999999997</v>
      </c>
      <c r="E14" s="21">
        <v>6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80" t="s">
        <v>227</v>
      </c>
      <c r="B15" s="80"/>
      <c r="C15" s="80"/>
      <c r="D15" s="80"/>
      <c r="E15" s="80"/>
      <c r="F15" s="80"/>
      <c r="K15" s="22"/>
      <c r="L15" s="22"/>
      <c r="M15" s="22"/>
      <c r="N15" s="22"/>
      <c r="O15" s="22"/>
    </row>
    <row r="16" spans="1:18">
      <c r="A16" s="108"/>
      <c r="B16" s="108"/>
      <c r="C16" s="108"/>
      <c r="D16" s="108"/>
      <c r="E16" s="108"/>
      <c r="F16" s="108"/>
      <c r="K16" s="22"/>
      <c r="L16" s="22"/>
      <c r="M16" s="22"/>
      <c r="N16" s="22"/>
      <c r="O16" s="22"/>
      <c r="P16" s="2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4"/>
  <dimension ref="A1:R16"/>
  <sheetViews>
    <sheetView workbookViewId="0">
      <selection activeCell="A2" sqref="A2"/>
    </sheetView>
  </sheetViews>
  <sheetFormatPr defaultColWidth="9" defaultRowHeight="14.25"/>
  <cols>
    <col min="1" max="1" width="22.7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42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72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8" t="s">
        <v>43</v>
      </c>
      <c r="B5" s="20">
        <v>736</v>
      </c>
      <c r="C5" s="20">
        <v>712</v>
      </c>
      <c r="D5" s="20">
        <v>215</v>
      </c>
      <c r="E5" s="20">
        <v>2</v>
      </c>
      <c r="F5" s="20">
        <v>1665</v>
      </c>
    </row>
    <row r="6" spans="1:18">
      <c r="A6" s="77"/>
      <c r="B6" s="21">
        <v>0.442</v>
      </c>
      <c r="C6" s="21">
        <v>0.42799999999999999</v>
      </c>
      <c r="D6" s="21">
        <v>0.129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44</v>
      </c>
      <c r="B7" s="24">
        <v>848</v>
      </c>
      <c r="C7" s="24">
        <v>976</v>
      </c>
      <c r="D7" s="24">
        <v>307</v>
      </c>
      <c r="E7" s="24">
        <v>5</v>
      </c>
      <c r="F7" s="20">
        <v>2136</v>
      </c>
      <c r="K7" s="22"/>
      <c r="L7" s="22"/>
      <c r="M7" s="22"/>
      <c r="N7" s="22"/>
      <c r="O7" s="22"/>
    </row>
    <row r="8" spans="1:18">
      <c r="A8" s="79"/>
      <c r="B8" s="21">
        <v>0.39700000000000002</v>
      </c>
      <c r="C8" s="21">
        <v>0.45700000000000002</v>
      </c>
      <c r="D8" s="21">
        <v>0.14399999999999999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604</v>
      </c>
      <c r="B9" s="20">
        <v>868</v>
      </c>
      <c r="C9" s="20">
        <v>977</v>
      </c>
      <c r="D9" s="20">
        <v>412</v>
      </c>
      <c r="E9" s="20">
        <v>3</v>
      </c>
      <c r="F9" s="20">
        <v>2260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0.38400000000000001</v>
      </c>
      <c r="C10" s="21">
        <v>0.432</v>
      </c>
      <c r="D10" s="21">
        <v>0.182</v>
      </c>
      <c r="E10" s="21">
        <v>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5</v>
      </c>
      <c r="C11" s="24">
        <v>1</v>
      </c>
      <c r="D11" s="24">
        <v>0</v>
      </c>
      <c r="E11" s="24">
        <v>3</v>
      </c>
      <c r="F11" s="24">
        <v>9</v>
      </c>
    </row>
    <row r="12" spans="1:18">
      <c r="A12" s="99"/>
      <c r="B12" s="21">
        <v>0.55600000000000005</v>
      </c>
      <c r="C12" s="21">
        <v>0.111</v>
      </c>
      <c r="D12" s="21">
        <v>0</v>
      </c>
      <c r="E12" s="21">
        <v>0.33300000000000002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2457</v>
      </c>
      <c r="C13" s="20">
        <v>2666</v>
      </c>
      <c r="D13" s="20">
        <v>934</v>
      </c>
      <c r="E13" s="20">
        <v>13</v>
      </c>
      <c r="F13" s="20">
        <v>6070</v>
      </c>
    </row>
    <row r="14" spans="1:18">
      <c r="A14" s="74"/>
      <c r="B14" s="21">
        <v>0.40500000000000003</v>
      </c>
      <c r="C14" s="21">
        <v>0.439</v>
      </c>
      <c r="D14" s="21">
        <v>0.154</v>
      </c>
      <c r="E14" s="21">
        <v>2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80" t="s">
        <v>261</v>
      </c>
      <c r="B15" s="98"/>
      <c r="C15" s="98"/>
      <c r="D15" s="98"/>
      <c r="E15" s="98"/>
      <c r="F15" s="98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5"/>
  <dimension ref="A1:S16"/>
  <sheetViews>
    <sheetView workbookViewId="0">
      <selection activeCell="A2" sqref="A2"/>
    </sheetView>
  </sheetViews>
  <sheetFormatPr defaultColWidth="9" defaultRowHeight="14.25"/>
  <cols>
    <col min="1" max="1" width="2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43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72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8" t="s">
        <v>43</v>
      </c>
      <c r="B5" s="20">
        <v>349</v>
      </c>
      <c r="C5" s="20">
        <v>161</v>
      </c>
      <c r="D5" s="20">
        <v>26</v>
      </c>
      <c r="E5" s="20">
        <v>196</v>
      </c>
      <c r="F5" s="20">
        <v>4</v>
      </c>
      <c r="G5" s="20">
        <v>736</v>
      </c>
    </row>
    <row r="6" spans="1:19">
      <c r="A6" s="77"/>
      <c r="B6" s="21">
        <v>0.47399999999999998</v>
      </c>
      <c r="C6" s="21">
        <v>0.219</v>
      </c>
      <c r="D6" s="21">
        <v>3.5000000000000003E-2</v>
      </c>
      <c r="E6" s="21">
        <v>0.26600000000000001</v>
      </c>
      <c r="F6" s="21">
        <v>5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44</v>
      </c>
      <c r="B7" s="24">
        <v>383</v>
      </c>
      <c r="C7" s="24">
        <v>175</v>
      </c>
      <c r="D7" s="24">
        <v>32</v>
      </c>
      <c r="E7" s="24">
        <v>257</v>
      </c>
      <c r="F7" s="24">
        <v>1</v>
      </c>
      <c r="G7" s="20">
        <v>848</v>
      </c>
      <c r="L7" s="22"/>
      <c r="M7" s="22"/>
      <c r="N7" s="22"/>
      <c r="O7" s="22"/>
      <c r="P7" s="22"/>
    </row>
    <row r="8" spans="1:19">
      <c r="A8" s="79"/>
      <c r="B8" s="21">
        <v>0.45200000000000001</v>
      </c>
      <c r="C8" s="21">
        <v>0.20599999999999999</v>
      </c>
      <c r="D8" s="21">
        <v>3.7999999999999999E-2</v>
      </c>
      <c r="E8" s="21">
        <v>0.30299999999999999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604</v>
      </c>
      <c r="B9" s="20">
        <v>371</v>
      </c>
      <c r="C9" s="20">
        <v>174</v>
      </c>
      <c r="D9" s="20">
        <v>26</v>
      </c>
      <c r="E9" s="20">
        <v>296</v>
      </c>
      <c r="F9" s="20">
        <v>1</v>
      </c>
      <c r="G9" s="20">
        <v>868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0.42699999999999999</v>
      </c>
      <c r="C10" s="21">
        <v>0.2</v>
      </c>
      <c r="D10" s="21">
        <v>0.03</v>
      </c>
      <c r="E10" s="21">
        <v>0.34100000000000003</v>
      </c>
      <c r="F10" s="21">
        <v>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2</v>
      </c>
      <c r="C11" s="24">
        <v>2</v>
      </c>
      <c r="D11" s="24">
        <v>0</v>
      </c>
      <c r="E11" s="24">
        <v>1</v>
      </c>
      <c r="F11" s="24">
        <v>0</v>
      </c>
      <c r="G11" s="24">
        <v>5</v>
      </c>
    </row>
    <row r="12" spans="1:19">
      <c r="A12" s="99"/>
      <c r="B12" s="21">
        <v>0.4</v>
      </c>
      <c r="C12" s="21">
        <v>0.4</v>
      </c>
      <c r="D12" s="21">
        <v>0</v>
      </c>
      <c r="E12" s="21">
        <v>0.2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1105</v>
      </c>
      <c r="C13" s="20">
        <v>512</v>
      </c>
      <c r="D13" s="20">
        <v>84</v>
      </c>
      <c r="E13" s="20">
        <v>750</v>
      </c>
      <c r="F13" s="20">
        <v>6</v>
      </c>
      <c r="G13" s="20">
        <v>2457</v>
      </c>
    </row>
    <row r="14" spans="1:19">
      <c r="A14" s="74"/>
      <c r="B14" s="21">
        <v>0.45</v>
      </c>
      <c r="C14" s="21">
        <v>0.20799999999999999</v>
      </c>
      <c r="D14" s="21">
        <v>3.4000000000000002E-2</v>
      </c>
      <c r="E14" s="21">
        <v>0.30499999999999999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80" t="s">
        <v>218</v>
      </c>
      <c r="B15" s="98"/>
      <c r="C15" s="98"/>
      <c r="D15" s="98"/>
      <c r="E15" s="98"/>
      <c r="F15" s="98"/>
      <c r="G15" s="98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6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7">
      <c r="A1" s="70" t="s">
        <v>54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76</v>
      </c>
      <c r="B3" s="76" t="s">
        <v>123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43</v>
      </c>
      <c r="B5" s="20">
        <v>3226</v>
      </c>
      <c r="C5" s="20">
        <v>35</v>
      </c>
      <c r="D5" s="20">
        <v>2</v>
      </c>
      <c r="E5" s="20">
        <v>3263</v>
      </c>
    </row>
    <row r="6" spans="1:17">
      <c r="A6" s="77"/>
      <c r="B6" s="21">
        <v>0.98899999999999999</v>
      </c>
      <c r="C6" s="21">
        <v>1.0999999999999999E-2</v>
      </c>
      <c r="D6" s="21">
        <v>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44</v>
      </c>
      <c r="B7" s="24">
        <v>325</v>
      </c>
      <c r="C7" s="24">
        <v>143</v>
      </c>
      <c r="D7" s="24">
        <v>4</v>
      </c>
      <c r="E7" s="20">
        <v>472</v>
      </c>
      <c r="J7" s="22"/>
      <c r="K7" s="22"/>
      <c r="L7" s="22"/>
      <c r="M7" s="22"/>
      <c r="N7" s="22"/>
    </row>
    <row r="8" spans="1:17">
      <c r="A8" s="79"/>
      <c r="B8" s="21">
        <v>0.68899999999999995</v>
      </c>
      <c r="C8" s="21">
        <v>0.30299999999999999</v>
      </c>
      <c r="D8" s="21">
        <v>8.000000000000000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63</v>
      </c>
      <c r="B9" s="20">
        <v>2103</v>
      </c>
      <c r="C9" s="20">
        <v>205</v>
      </c>
      <c r="D9" s="20">
        <v>7</v>
      </c>
      <c r="E9" s="20">
        <v>2315</v>
      </c>
      <c r="J9" s="22"/>
      <c r="K9" s="22"/>
      <c r="L9" s="22"/>
      <c r="M9" s="22"/>
      <c r="N9" s="22"/>
      <c r="O9" s="22"/>
      <c r="P9" s="22"/>
      <c r="Q9" s="22"/>
    </row>
    <row r="10" spans="1:17">
      <c r="A10" s="77"/>
      <c r="B10" s="21">
        <v>0.90800000000000003</v>
      </c>
      <c r="C10" s="21">
        <v>8.8999999999999996E-2</v>
      </c>
      <c r="D10" s="21">
        <v>3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13</v>
      </c>
      <c r="C11" s="24">
        <v>3</v>
      </c>
      <c r="D11" s="24">
        <v>4</v>
      </c>
      <c r="E11" s="24">
        <v>20</v>
      </c>
    </row>
    <row r="12" spans="1:17">
      <c r="A12" s="99"/>
      <c r="B12" s="21">
        <v>0.65</v>
      </c>
      <c r="C12" s="21">
        <v>0.15</v>
      </c>
      <c r="D12" s="21">
        <v>0.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5667</v>
      </c>
      <c r="C13" s="20">
        <v>386</v>
      </c>
      <c r="D13" s="20">
        <v>17</v>
      </c>
      <c r="E13" s="20">
        <v>6070</v>
      </c>
    </row>
    <row r="14" spans="1:17">
      <c r="A14" s="74"/>
      <c r="B14" s="21">
        <v>0.93400000000000005</v>
      </c>
      <c r="C14" s="21">
        <v>6.4000000000000001E-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80" t="s">
        <v>192</v>
      </c>
      <c r="B15" s="80"/>
      <c r="C15" s="80"/>
      <c r="D15" s="80"/>
      <c r="E15" s="80"/>
      <c r="J15" s="22"/>
      <c r="K15" s="22"/>
      <c r="L15" s="22"/>
      <c r="M15" s="22"/>
      <c r="N15" s="22"/>
    </row>
    <row r="16" spans="1:17">
      <c r="A16" s="108"/>
      <c r="B16" s="108"/>
      <c r="C16" s="108"/>
      <c r="D16" s="108"/>
      <c r="E16" s="108"/>
      <c r="J16" s="22"/>
      <c r="K16" s="22"/>
      <c r="L16" s="22"/>
      <c r="M16" s="22"/>
      <c r="N16" s="22"/>
      <c r="O16" s="2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7"/>
  <dimension ref="A1:L31"/>
  <sheetViews>
    <sheetView workbookViewId="0">
      <selection activeCell="A2" sqref="A2"/>
    </sheetView>
  </sheetViews>
  <sheetFormatPr defaultColWidth="9" defaultRowHeight="14.25"/>
  <cols>
    <col min="1" max="1" width="13.875" style="18" customWidth="1"/>
    <col min="2" max="7" width="9.625" style="18" customWidth="1"/>
    <col min="8" max="16384" width="9" style="18"/>
  </cols>
  <sheetData>
    <row r="1" spans="1:12">
      <c r="A1" s="54" t="s">
        <v>545</v>
      </c>
      <c r="B1" s="54"/>
      <c r="C1" s="54"/>
    </row>
    <row r="2" spans="1:12">
      <c r="A2" s="121" t="s">
        <v>613</v>
      </c>
      <c r="B2" s="36"/>
      <c r="C2" s="36"/>
    </row>
    <row r="3" spans="1:12" ht="59.25" customHeight="1">
      <c r="A3" s="84" t="s">
        <v>546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2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2">
      <c r="A5" s="78" t="s">
        <v>43</v>
      </c>
      <c r="B5" s="20">
        <v>610</v>
      </c>
      <c r="C5" s="20">
        <v>2616</v>
      </c>
      <c r="D5" s="20">
        <v>2105</v>
      </c>
      <c r="E5" s="20">
        <v>1121</v>
      </c>
      <c r="F5" s="20">
        <v>535</v>
      </c>
      <c r="G5" s="20">
        <v>2691</v>
      </c>
    </row>
    <row r="6" spans="1:12">
      <c r="A6" s="77"/>
      <c r="B6" s="21">
        <v>0.189</v>
      </c>
      <c r="C6" s="21">
        <v>0.81100000000000005</v>
      </c>
      <c r="D6" s="21">
        <v>0.65300000000000002</v>
      </c>
      <c r="E6" s="21">
        <v>0.34699999999999998</v>
      </c>
      <c r="F6" s="21">
        <v>0.16600000000000001</v>
      </c>
      <c r="G6" s="21">
        <v>0.83399999999999996</v>
      </c>
      <c r="J6" s="22"/>
      <c r="K6" s="22"/>
      <c r="L6" s="22"/>
    </row>
    <row r="7" spans="1:12" s="23" customFormat="1">
      <c r="A7" s="78" t="s">
        <v>44</v>
      </c>
      <c r="B7" s="20">
        <v>142</v>
      </c>
      <c r="C7" s="20">
        <v>183</v>
      </c>
      <c r="D7" s="20">
        <v>114</v>
      </c>
      <c r="E7" s="20">
        <v>211</v>
      </c>
      <c r="F7" s="20">
        <v>15</v>
      </c>
      <c r="G7" s="20">
        <v>310</v>
      </c>
    </row>
    <row r="8" spans="1:12">
      <c r="A8" s="79"/>
      <c r="B8" s="21">
        <v>0.437</v>
      </c>
      <c r="C8" s="21">
        <v>0.56299999999999994</v>
      </c>
      <c r="D8" s="21">
        <v>0.35099999999999998</v>
      </c>
      <c r="E8" s="21">
        <v>0.64900000000000002</v>
      </c>
      <c r="F8" s="21">
        <v>4.5999999999999999E-2</v>
      </c>
      <c r="G8" s="21">
        <v>0.95399999999999996</v>
      </c>
      <c r="J8" s="22"/>
      <c r="K8" s="22"/>
      <c r="L8" s="22"/>
    </row>
    <row r="9" spans="1:12">
      <c r="A9" s="78" t="s">
        <v>63</v>
      </c>
      <c r="B9" s="20">
        <v>774</v>
      </c>
      <c r="C9" s="20">
        <v>1329</v>
      </c>
      <c r="D9" s="20">
        <v>921</v>
      </c>
      <c r="E9" s="20">
        <v>1182</v>
      </c>
      <c r="F9" s="20">
        <v>154</v>
      </c>
      <c r="G9" s="20">
        <v>1949</v>
      </c>
      <c r="J9" s="22"/>
      <c r="K9" s="22"/>
      <c r="L9" s="22"/>
    </row>
    <row r="10" spans="1:12">
      <c r="A10" s="77"/>
      <c r="B10" s="21">
        <v>0.36799999999999999</v>
      </c>
      <c r="C10" s="21">
        <v>0.63200000000000001</v>
      </c>
      <c r="D10" s="21">
        <v>0.438</v>
      </c>
      <c r="E10" s="21">
        <v>0.56200000000000006</v>
      </c>
      <c r="F10" s="21">
        <v>7.2999999999999995E-2</v>
      </c>
      <c r="G10" s="21">
        <v>0.92700000000000005</v>
      </c>
      <c r="J10" s="22"/>
      <c r="K10" s="22"/>
      <c r="L10" s="22"/>
    </row>
    <row r="11" spans="1:12">
      <c r="A11" s="95" t="s">
        <v>22</v>
      </c>
      <c r="B11" s="24">
        <v>2</v>
      </c>
      <c r="C11" s="24">
        <v>11</v>
      </c>
      <c r="D11" s="24">
        <v>8</v>
      </c>
      <c r="E11" s="24">
        <v>5</v>
      </c>
      <c r="F11" s="24">
        <v>2</v>
      </c>
      <c r="G11" s="24">
        <v>11</v>
      </c>
      <c r="H11" s="22"/>
      <c r="I11" s="22"/>
      <c r="J11" s="22"/>
      <c r="K11" s="22"/>
      <c r="L11" s="22"/>
    </row>
    <row r="12" spans="1:12">
      <c r="A12" s="99"/>
      <c r="B12" s="21">
        <v>0.154</v>
      </c>
      <c r="C12" s="21">
        <v>0.84599999999999997</v>
      </c>
      <c r="D12" s="21">
        <v>0.61499999999999999</v>
      </c>
      <c r="E12" s="21">
        <v>0.38500000000000001</v>
      </c>
      <c r="F12" s="21">
        <v>0.154</v>
      </c>
      <c r="G12" s="21">
        <v>0.84599999999999997</v>
      </c>
      <c r="J12" s="22"/>
      <c r="K12" s="22"/>
      <c r="L12" s="22"/>
    </row>
    <row r="13" spans="1:12" s="23" customFormat="1">
      <c r="A13" s="73" t="s">
        <v>15</v>
      </c>
      <c r="B13" s="20">
        <v>1528</v>
      </c>
      <c r="C13" s="20">
        <v>4139</v>
      </c>
      <c r="D13" s="20">
        <v>3148</v>
      </c>
      <c r="E13" s="20">
        <v>2519</v>
      </c>
      <c r="F13" s="20">
        <v>706</v>
      </c>
      <c r="G13" s="20">
        <v>4961</v>
      </c>
    </row>
    <row r="14" spans="1:12">
      <c r="A14" s="74"/>
      <c r="B14" s="21">
        <v>0.27</v>
      </c>
      <c r="C14" s="21">
        <v>0.73</v>
      </c>
      <c r="D14" s="21">
        <v>0.55500000000000005</v>
      </c>
      <c r="E14" s="21">
        <v>0.44500000000000001</v>
      </c>
      <c r="F14" s="21">
        <v>0.125</v>
      </c>
      <c r="G14" s="21">
        <v>0.875</v>
      </c>
      <c r="J14" s="22"/>
      <c r="K14" s="22"/>
      <c r="L14" s="22"/>
    </row>
    <row r="15" spans="1:12">
      <c r="A15" s="36"/>
      <c r="B15" s="51"/>
      <c r="C15" s="51"/>
      <c r="D15" s="51"/>
      <c r="E15" s="51"/>
      <c r="F15" s="51"/>
      <c r="G15" s="51"/>
      <c r="J15" s="22"/>
      <c r="K15" s="22"/>
      <c r="L15" s="22"/>
    </row>
    <row r="16" spans="1:12" ht="30.75" customHeight="1">
      <c r="A16" s="84" t="s">
        <v>76</v>
      </c>
      <c r="B16" s="82" t="s">
        <v>160</v>
      </c>
      <c r="C16" s="82"/>
      <c r="D16" s="82" t="s">
        <v>161</v>
      </c>
      <c r="E16" s="82"/>
      <c r="F16" s="82" t="s">
        <v>162</v>
      </c>
      <c r="G16" s="82"/>
      <c r="J16" s="22"/>
      <c r="K16" s="22"/>
      <c r="L16" s="22"/>
    </row>
    <row r="17" spans="1:12">
      <c r="A17" s="84"/>
      <c r="B17" s="11" t="s">
        <v>180</v>
      </c>
      <c r="C17" s="11" t="s">
        <v>181</v>
      </c>
      <c r="D17" s="11" t="s">
        <v>180</v>
      </c>
      <c r="E17" s="11" t="s">
        <v>181</v>
      </c>
      <c r="F17" s="11" t="s">
        <v>180</v>
      </c>
      <c r="G17" s="11" t="s">
        <v>181</v>
      </c>
      <c r="J17" s="22"/>
      <c r="K17" s="22"/>
      <c r="L17" s="22"/>
    </row>
    <row r="18" spans="1:12">
      <c r="A18" s="78" t="s">
        <v>43</v>
      </c>
      <c r="B18" s="20">
        <v>1218</v>
      </c>
      <c r="C18" s="20">
        <v>2008</v>
      </c>
      <c r="D18" s="20">
        <v>76</v>
      </c>
      <c r="E18" s="20">
        <v>3150</v>
      </c>
      <c r="F18" s="20">
        <v>240</v>
      </c>
      <c r="G18" s="20">
        <v>2986</v>
      </c>
      <c r="J18" s="22"/>
      <c r="K18" s="22"/>
      <c r="L18" s="22"/>
    </row>
    <row r="19" spans="1:12">
      <c r="A19" s="77"/>
      <c r="B19" s="21">
        <v>0.378</v>
      </c>
      <c r="C19" s="21">
        <v>0.622</v>
      </c>
      <c r="D19" s="21">
        <v>2.4E-2</v>
      </c>
      <c r="E19" s="21">
        <v>0.97599999999999998</v>
      </c>
      <c r="F19" s="21">
        <v>7.3999999999999996E-2</v>
      </c>
      <c r="G19" s="21">
        <v>0.92600000000000005</v>
      </c>
      <c r="J19" s="22"/>
      <c r="K19" s="22"/>
      <c r="L19" s="22"/>
    </row>
    <row r="20" spans="1:12">
      <c r="A20" s="78" t="s">
        <v>44</v>
      </c>
      <c r="B20" s="20">
        <v>3</v>
      </c>
      <c r="C20" s="20">
        <v>322</v>
      </c>
      <c r="D20" s="20">
        <v>0</v>
      </c>
      <c r="E20" s="20">
        <v>325</v>
      </c>
      <c r="F20" s="20">
        <v>6</v>
      </c>
      <c r="G20" s="20">
        <v>319</v>
      </c>
      <c r="J20" s="22"/>
      <c r="K20" s="22"/>
      <c r="L20" s="22"/>
    </row>
    <row r="21" spans="1:12">
      <c r="A21" s="79"/>
      <c r="B21" s="21">
        <v>8.9999999999999993E-3</v>
      </c>
      <c r="C21" s="21">
        <v>0.99099999999999999</v>
      </c>
      <c r="D21" s="21">
        <v>0</v>
      </c>
      <c r="E21" s="21">
        <v>1</v>
      </c>
      <c r="F21" s="21">
        <v>1.7999999999999999E-2</v>
      </c>
      <c r="G21" s="21">
        <v>0.98199999999999998</v>
      </c>
      <c r="J21" s="22"/>
      <c r="K21" s="22"/>
      <c r="L21" s="22"/>
    </row>
    <row r="22" spans="1:12">
      <c r="A22" s="78" t="s">
        <v>63</v>
      </c>
      <c r="B22" s="20">
        <v>26</v>
      </c>
      <c r="C22" s="20">
        <v>2077</v>
      </c>
      <c r="D22" s="20">
        <v>5</v>
      </c>
      <c r="E22" s="20">
        <v>2098</v>
      </c>
      <c r="F22" s="20">
        <v>57</v>
      </c>
      <c r="G22" s="20">
        <v>2046</v>
      </c>
      <c r="J22" s="22"/>
      <c r="K22" s="22"/>
      <c r="L22" s="22"/>
    </row>
    <row r="23" spans="1:12">
      <c r="A23" s="77"/>
      <c r="B23" s="21">
        <v>1.2E-2</v>
      </c>
      <c r="C23" s="21">
        <v>0.98799999999999999</v>
      </c>
      <c r="D23" s="21">
        <v>2E-3</v>
      </c>
      <c r="E23" s="21">
        <v>0.998</v>
      </c>
      <c r="F23" s="21">
        <v>2.7E-2</v>
      </c>
      <c r="G23" s="21">
        <v>0.97299999999999998</v>
      </c>
      <c r="J23" s="22"/>
      <c r="K23" s="22"/>
      <c r="L23" s="22"/>
    </row>
    <row r="24" spans="1:12">
      <c r="A24" s="95" t="s">
        <v>22</v>
      </c>
      <c r="B24" s="24">
        <v>2</v>
      </c>
      <c r="C24" s="24">
        <v>11</v>
      </c>
      <c r="D24" s="24">
        <v>0</v>
      </c>
      <c r="E24" s="24">
        <v>13</v>
      </c>
      <c r="F24" s="24">
        <v>0</v>
      </c>
      <c r="G24" s="24">
        <v>13</v>
      </c>
      <c r="J24" s="22"/>
      <c r="K24" s="22"/>
      <c r="L24" s="22"/>
    </row>
    <row r="25" spans="1:12">
      <c r="A25" s="99"/>
      <c r="B25" s="21">
        <v>0.154</v>
      </c>
      <c r="C25" s="21">
        <v>0.84599999999999997</v>
      </c>
      <c r="D25" s="21">
        <v>0</v>
      </c>
      <c r="E25" s="21">
        <v>1</v>
      </c>
      <c r="F25" s="21">
        <v>0</v>
      </c>
      <c r="G25" s="21">
        <v>1</v>
      </c>
      <c r="J25" s="22"/>
      <c r="K25" s="22"/>
      <c r="L25" s="22"/>
    </row>
    <row r="26" spans="1:12">
      <c r="A26" s="73" t="s">
        <v>15</v>
      </c>
      <c r="B26" s="20">
        <v>1249</v>
      </c>
      <c r="C26" s="20">
        <v>4418</v>
      </c>
      <c r="D26" s="20">
        <v>81</v>
      </c>
      <c r="E26" s="20">
        <v>5586</v>
      </c>
      <c r="F26" s="20">
        <v>303</v>
      </c>
      <c r="G26" s="20">
        <v>5364</v>
      </c>
      <c r="J26" s="22"/>
      <c r="K26" s="22"/>
      <c r="L26" s="22"/>
    </row>
    <row r="27" spans="1:12">
      <c r="A27" s="74"/>
      <c r="B27" s="21">
        <v>0.22</v>
      </c>
      <c r="C27" s="21">
        <v>0.78</v>
      </c>
      <c r="D27" s="21">
        <v>1.4E-2</v>
      </c>
      <c r="E27" s="21">
        <v>0.98599999999999999</v>
      </c>
      <c r="F27" s="21">
        <v>5.2999999999999999E-2</v>
      </c>
      <c r="G27" s="21">
        <v>0.94699999999999995</v>
      </c>
      <c r="J27" s="22"/>
      <c r="K27" s="22"/>
      <c r="L27" s="22"/>
    </row>
    <row r="28" spans="1:12" ht="14.25" customHeight="1">
      <c r="A28" s="71" t="s">
        <v>302</v>
      </c>
      <c r="B28" s="71"/>
      <c r="C28" s="71"/>
      <c r="D28" s="71"/>
      <c r="E28" s="71"/>
      <c r="F28" s="71"/>
      <c r="G28" s="71"/>
      <c r="H28" s="22"/>
      <c r="I28" s="22"/>
      <c r="J28" s="22"/>
      <c r="K28" s="22"/>
      <c r="L28" s="22"/>
    </row>
    <row r="29" spans="1:12">
      <c r="A29" s="109"/>
      <c r="B29" s="109"/>
      <c r="C29" s="109"/>
      <c r="D29" s="109"/>
      <c r="E29" s="109"/>
      <c r="F29" s="109"/>
      <c r="G29" s="109"/>
    </row>
    <row r="30" spans="1:12">
      <c r="B30" s="25"/>
    </row>
    <row r="31" spans="1:12">
      <c r="B31" s="25"/>
    </row>
  </sheetData>
  <mergeCells count="19">
    <mergeCell ref="A3:A4"/>
    <mergeCell ref="B3:C3"/>
    <mergeCell ref="D3:E3"/>
    <mergeCell ref="F3:G3"/>
    <mergeCell ref="D16:E16"/>
    <mergeCell ref="A5:A6"/>
    <mergeCell ref="A7:A8"/>
    <mergeCell ref="A9:A10"/>
    <mergeCell ref="A11:A12"/>
    <mergeCell ref="A13:A14"/>
    <mergeCell ref="B16:C16"/>
    <mergeCell ref="A16:A17"/>
    <mergeCell ref="F16:G16"/>
    <mergeCell ref="A28:G29"/>
    <mergeCell ref="A18:A19"/>
    <mergeCell ref="A20:A21"/>
    <mergeCell ref="A22:A23"/>
    <mergeCell ref="A24:A25"/>
    <mergeCell ref="A26:A2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8"/>
  <dimension ref="A1:M31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7" width="9.625" style="18" customWidth="1"/>
    <col min="8" max="16384" width="9" style="18"/>
  </cols>
  <sheetData>
    <row r="1" spans="1:13">
      <c r="A1" s="55" t="s">
        <v>547</v>
      </c>
      <c r="B1" s="55"/>
      <c r="C1" s="55"/>
      <c r="D1" s="55"/>
      <c r="E1" s="55"/>
      <c r="F1" s="55"/>
      <c r="G1" s="55"/>
    </row>
    <row r="2" spans="1:13">
      <c r="A2" s="121" t="s">
        <v>613</v>
      </c>
      <c r="B2" s="28"/>
      <c r="C2" s="28"/>
      <c r="D2" s="28"/>
      <c r="E2" s="28"/>
      <c r="F2" s="28"/>
      <c r="G2" s="28"/>
    </row>
    <row r="3" spans="1:13" ht="30" customHeight="1">
      <c r="A3" s="84" t="s">
        <v>607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3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3">
      <c r="A5" s="78" t="s">
        <v>43</v>
      </c>
      <c r="B5" s="20">
        <v>613</v>
      </c>
      <c r="C5" s="20">
        <v>2613</v>
      </c>
      <c r="D5" s="20">
        <v>99</v>
      </c>
      <c r="E5" s="20">
        <v>3127</v>
      </c>
      <c r="F5" s="20">
        <v>566</v>
      </c>
      <c r="G5" s="20">
        <v>2660</v>
      </c>
    </row>
    <row r="6" spans="1:13">
      <c r="A6" s="77"/>
      <c r="B6" s="21">
        <v>0.19</v>
      </c>
      <c r="C6" s="21">
        <v>0.81</v>
      </c>
      <c r="D6" s="21">
        <v>3.1E-2</v>
      </c>
      <c r="E6" s="21">
        <v>0.96899999999999997</v>
      </c>
      <c r="F6" s="21">
        <v>0.17499999999999999</v>
      </c>
      <c r="G6" s="21">
        <v>0.82499999999999996</v>
      </c>
    </row>
    <row r="7" spans="1:13" s="23" customFormat="1">
      <c r="A7" s="78" t="s">
        <v>44</v>
      </c>
      <c r="B7" s="20">
        <v>50</v>
      </c>
      <c r="C7" s="20">
        <v>275</v>
      </c>
      <c r="D7" s="20">
        <v>12</v>
      </c>
      <c r="E7" s="20">
        <v>313</v>
      </c>
      <c r="F7" s="20">
        <v>32</v>
      </c>
      <c r="G7" s="20">
        <v>293</v>
      </c>
    </row>
    <row r="8" spans="1:13">
      <c r="A8" s="79"/>
      <c r="B8" s="21">
        <v>0.154</v>
      </c>
      <c r="C8" s="21">
        <v>0.84599999999999997</v>
      </c>
      <c r="D8" s="21">
        <v>3.6999999999999998E-2</v>
      </c>
      <c r="E8" s="21">
        <v>0.96299999999999997</v>
      </c>
      <c r="F8" s="21">
        <v>9.8000000000000004E-2</v>
      </c>
      <c r="G8" s="21">
        <v>0.90200000000000002</v>
      </c>
    </row>
    <row r="9" spans="1:13">
      <c r="A9" s="78" t="s">
        <v>63</v>
      </c>
      <c r="B9" s="20">
        <v>427</v>
      </c>
      <c r="C9" s="20">
        <v>1676</v>
      </c>
      <c r="D9" s="20">
        <v>74</v>
      </c>
      <c r="E9" s="20">
        <v>2029</v>
      </c>
      <c r="F9" s="20">
        <v>249</v>
      </c>
      <c r="G9" s="20">
        <v>1854</v>
      </c>
      <c r="K9" s="22"/>
      <c r="L9" s="22"/>
      <c r="M9" s="22"/>
    </row>
    <row r="10" spans="1:13">
      <c r="A10" s="77"/>
      <c r="B10" s="21">
        <v>0.20300000000000001</v>
      </c>
      <c r="C10" s="21">
        <v>0.79700000000000004</v>
      </c>
      <c r="D10" s="21">
        <v>3.5000000000000003E-2</v>
      </c>
      <c r="E10" s="21">
        <v>0.96499999999999997</v>
      </c>
      <c r="F10" s="21">
        <v>0.11799999999999999</v>
      </c>
      <c r="G10" s="21">
        <v>0.88200000000000001</v>
      </c>
    </row>
    <row r="11" spans="1:13">
      <c r="A11" s="95" t="s">
        <v>22</v>
      </c>
      <c r="B11" s="24">
        <v>3</v>
      </c>
      <c r="C11" s="24">
        <v>10</v>
      </c>
      <c r="D11" s="24">
        <v>2</v>
      </c>
      <c r="E11" s="24">
        <v>11</v>
      </c>
      <c r="F11" s="24">
        <v>1</v>
      </c>
      <c r="G11" s="24">
        <v>12</v>
      </c>
      <c r="H11" s="22"/>
      <c r="I11" s="22"/>
      <c r="J11" s="22"/>
      <c r="K11" s="22"/>
      <c r="L11" s="22"/>
      <c r="M11" s="22"/>
    </row>
    <row r="12" spans="1:13">
      <c r="A12" s="99"/>
      <c r="B12" s="21">
        <v>0.23100000000000001</v>
      </c>
      <c r="C12" s="21">
        <v>0.76900000000000002</v>
      </c>
      <c r="D12" s="21">
        <v>0.154</v>
      </c>
      <c r="E12" s="21">
        <v>0.84599999999999997</v>
      </c>
      <c r="F12" s="21">
        <v>7.6999999999999999E-2</v>
      </c>
      <c r="G12" s="21">
        <v>0.92300000000000004</v>
      </c>
    </row>
    <row r="13" spans="1:13" s="23" customFormat="1">
      <c r="A13" s="73" t="s">
        <v>15</v>
      </c>
      <c r="B13" s="20">
        <v>1093</v>
      </c>
      <c r="C13" s="20">
        <v>4574</v>
      </c>
      <c r="D13" s="20">
        <v>187</v>
      </c>
      <c r="E13" s="20">
        <v>5480</v>
      </c>
      <c r="F13" s="20">
        <v>848</v>
      </c>
      <c r="G13" s="20">
        <v>4819</v>
      </c>
    </row>
    <row r="14" spans="1:13">
      <c r="A14" s="74"/>
      <c r="B14" s="21">
        <v>0.193</v>
      </c>
      <c r="C14" s="21">
        <v>0.80700000000000005</v>
      </c>
      <c r="D14" s="21">
        <v>3.3000000000000002E-2</v>
      </c>
      <c r="E14" s="21">
        <v>0.96699999999999997</v>
      </c>
      <c r="F14" s="21">
        <v>0.15</v>
      </c>
      <c r="G14" s="21">
        <v>0.85</v>
      </c>
    </row>
    <row r="15" spans="1:13">
      <c r="A15" s="36"/>
      <c r="B15" s="51"/>
      <c r="C15" s="51"/>
      <c r="D15" s="51"/>
      <c r="E15" s="51"/>
      <c r="F15" s="51"/>
      <c r="G15" s="51"/>
    </row>
    <row r="16" spans="1:13" ht="30.75" customHeight="1">
      <c r="A16" s="84" t="s">
        <v>607</v>
      </c>
      <c r="B16" s="82" t="s">
        <v>166</v>
      </c>
      <c r="C16" s="82"/>
      <c r="D16" s="52"/>
      <c r="E16" s="52"/>
      <c r="F16" s="52"/>
      <c r="G16" s="52"/>
    </row>
    <row r="17" spans="1:9">
      <c r="A17" s="84"/>
      <c r="B17" s="11" t="s">
        <v>180</v>
      </c>
      <c r="C17" s="11" t="s">
        <v>181</v>
      </c>
      <c r="D17" s="52"/>
      <c r="E17" s="52"/>
      <c r="F17" s="52"/>
      <c r="G17" s="52"/>
    </row>
    <row r="18" spans="1:9">
      <c r="A18" s="78" t="s">
        <v>43</v>
      </c>
      <c r="B18" s="20">
        <v>66</v>
      </c>
      <c r="C18" s="20">
        <v>3160</v>
      </c>
      <c r="D18" s="52"/>
      <c r="E18" s="52"/>
      <c r="F18" s="52"/>
      <c r="G18" s="52"/>
    </row>
    <row r="19" spans="1:9">
      <c r="A19" s="77"/>
      <c r="B19" s="21">
        <v>0.02</v>
      </c>
      <c r="C19" s="21">
        <v>0.98</v>
      </c>
      <c r="D19" s="52"/>
      <c r="E19" s="52"/>
      <c r="F19" s="52"/>
      <c r="G19" s="52"/>
    </row>
    <row r="20" spans="1:9">
      <c r="A20" s="78" t="s">
        <v>44</v>
      </c>
      <c r="B20" s="20">
        <v>10</v>
      </c>
      <c r="C20" s="20">
        <v>315</v>
      </c>
      <c r="D20" s="52"/>
      <c r="E20" s="52"/>
      <c r="F20" s="52"/>
      <c r="G20" s="52"/>
    </row>
    <row r="21" spans="1:9">
      <c r="A21" s="79"/>
      <c r="B21" s="21">
        <v>3.1E-2</v>
      </c>
      <c r="C21" s="21">
        <v>0.96899999999999997</v>
      </c>
      <c r="D21" s="52"/>
      <c r="E21" s="52"/>
      <c r="F21" s="52"/>
      <c r="G21" s="52"/>
    </row>
    <row r="22" spans="1:9">
      <c r="A22" s="78" t="s">
        <v>63</v>
      </c>
      <c r="B22" s="20">
        <v>55</v>
      </c>
      <c r="C22" s="20">
        <v>2048</v>
      </c>
      <c r="D22" s="52"/>
      <c r="E22" s="52"/>
      <c r="F22" s="52"/>
      <c r="G22" s="52"/>
    </row>
    <row r="23" spans="1:9">
      <c r="A23" s="77"/>
      <c r="B23" s="21">
        <v>2.5999999999999999E-2</v>
      </c>
      <c r="C23" s="21">
        <v>0.97399999999999998</v>
      </c>
      <c r="D23" s="52"/>
      <c r="E23" s="52"/>
      <c r="F23" s="52"/>
      <c r="G23" s="52"/>
    </row>
    <row r="24" spans="1:9">
      <c r="A24" s="95" t="s">
        <v>22</v>
      </c>
      <c r="B24" s="24">
        <v>0</v>
      </c>
      <c r="C24" s="24">
        <v>13</v>
      </c>
      <c r="D24" s="52"/>
      <c r="E24" s="52"/>
      <c r="F24" s="52"/>
      <c r="G24" s="52"/>
    </row>
    <row r="25" spans="1:9">
      <c r="A25" s="99"/>
      <c r="B25" s="21">
        <v>0</v>
      </c>
      <c r="C25" s="21">
        <v>1</v>
      </c>
      <c r="D25" s="52"/>
      <c r="E25" s="52"/>
      <c r="F25" s="52"/>
      <c r="G25" s="52"/>
    </row>
    <row r="26" spans="1:9">
      <c r="A26" s="73" t="s">
        <v>15</v>
      </c>
      <c r="B26" s="20">
        <v>131</v>
      </c>
      <c r="C26" s="20">
        <v>5536</v>
      </c>
      <c r="D26" s="52"/>
      <c r="E26" s="52"/>
      <c r="F26" s="52"/>
      <c r="G26" s="52"/>
    </row>
    <row r="27" spans="1:9">
      <c r="A27" s="74"/>
      <c r="B27" s="21">
        <v>2.3E-2</v>
      </c>
      <c r="C27" s="21">
        <v>0.97699999999999998</v>
      </c>
    </row>
    <row r="28" spans="1:9" ht="14.25" customHeight="1">
      <c r="A28" s="71" t="s">
        <v>302</v>
      </c>
      <c r="B28" s="71"/>
      <c r="C28" s="71"/>
      <c r="D28" s="22"/>
      <c r="E28" s="22"/>
      <c r="F28" s="22"/>
      <c r="G28" s="22"/>
      <c r="H28" s="22"/>
      <c r="I28" s="22"/>
    </row>
    <row r="29" spans="1:9">
      <c r="A29" s="109"/>
      <c r="B29" s="109"/>
      <c r="C29" s="109"/>
    </row>
    <row r="30" spans="1:9">
      <c r="A30" s="109"/>
      <c r="B30" s="109"/>
      <c r="C30" s="109"/>
    </row>
    <row r="31" spans="1:9">
      <c r="A31" s="109"/>
      <c r="B31" s="109"/>
      <c r="C31" s="109"/>
    </row>
  </sheetData>
  <mergeCells count="17">
    <mergeCell ref="A18:A19"/>
    <mergeCell ref="A28:C31"/>
    <mergeCell ref="A3:A4"/>
    <mergeCell ref="B3:C3"/>
    <mergeCell ref="D3:E3"/>
    <mergeCell ref="A20:A21"/>
    <mergeCell ref="A22:A23"/>
    <mergeCell ref="A24:A25"/>
    <mergeCell ref="A26:A27"/>
    <mergeCell ref="F3:G3"/>
    <mergeCell ref="B16:C16"/>
    <mergeCell ref="A5:A6"/>
    <mergeCell ref="A7:A8"/>
    <mergeCell ref="A9:A10"/>
    <mergeCell ref="A11:A12"/>
    <mergeCell ref="A13:A14"/>
    <mergeCell ref="A16:A1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9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7">
      <c r="A1" s="70" t="s">
        <v>548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76</v>
      </c>
      <c r="B3" s="76" t="s">
        <v>124</v>
      </c>
      <c r="C3" s="76"/>
      <c r="D3" s="76"/>
      <c r="E3" s="76"/>
    </row>
    <row r="4" spans="1:17" ht="28.5">
      <c r="A4" s="84"/>
      <c r="B4" s="11" t="s">
        <v>193</v>
      </c>
      <c r="C4" s="11" t="s">
        <v>194</v>
      </c>
      <c r="D4" s="11" t="s">
        <v>22</v>
      </c>
      <c r="E4" s="11" t="s">
        <v>15</v>
      </c>
    </row>
    <row r="5" spans="1:17">
      <c r="A5" s="78" t="s">
        <v>43</v>
      </c>
      <c r="B5" s="20">
        <v>2592</v>
      </c>
      <c r="C5" s="20">
        <v>664</v>
      </c>
      <c r="D5" s="20">
        <v>7</v>
      </c>
      <c r="E5" s="20">
        <v>3263</v>
      </c>
    </row>
    <row r="6" spans="1:17">
      <c r="A6" s="77"/>
      <c r="B6" s="21">
        <v>0.79400000000000004</v>
      </c>
      <c r="C6" s="21">
        <v>0.20300000000000001</v>
      </c>
      <c r="D6" s="21">
        <v>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44</v>
      </c>
      <c r="B7" s="24">
        <v>161</v>
      </c>
      <c r="C7" s="24">
        <v>308</v>
      </c>
      <c r="D7" s="24">
        <v>3</v>
      </c>
      <c r="E7" s="20">
        <v>472</v>
      </c>
      <c r="J7" s="22"/>
      <c r="K7" s="22"/>
      <c r="L7" s="22"/>
      <c r="M7" s="22"/>
      <c r="N7" s="22"/>
    </row>
    <row r="8" spans="1:17">
      <c r="A8" s="79"/>
      <c r="B8" s="21">
        <v>0.34100000000000003</v>
      </c>
      <c r="C8" s="21">
        <v>0.65300000000000002</v>
      </c>
      <c r="D8" s="21">
        <v>6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63</v>
      </c>
      <c r="B9" s="20">
        <v>1244</v>
      </c>
      <c r="C9" s="20">
        <v>1065</v>
      </c>
      <c r="D9" s="20">
        <v>6</v>
      </c>
      <c r="E9" s="20">
        <v>2315</v>
      </c>
      <c r="J9" s="22"/>
      <c r="K9" s="22"/>
      <c r="L9" s="22"/>
      <c r="M9" s="22"/>
      <c r="N9" s="22"/>
      <c r="O9" s="22"/>
      <c r="P9" s="22"/>
      <c r="Q9" s="22"/>
    </row>
    <row r="10" spans="1:17">
      <c r="A10" s="77"/>
      <c r="B10" s="21">
        <v>0.53700000000000003</v>
      </c>
      <c r="C10" s="21">
        <v>0.46</v>
      </c>
      <c r="D10" s="21">
        <v>3.0000000000000001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8</v>
      </c>
      <c r="C11" s="24">
        <v>8</v>
      </c>
      <c r="D11" s="24">
        <v>4</v>
      </c>
      <c r="E11" s="24">
        <v>20</v>
      </c>
    </row>
    <row r="12" spans="1:17">
      <c r="A12" s="99"/>
      <c r="B12" s="21">
        <v>0.4</v>
      </c>
      <c r="C12" s="21">
        <v>0.4</v>
      </c>
      <c r="D12" s="21">
        <v>0.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4005</v>
      </c>
      <c r="C13" s="20">
        <v>2045</v>
      </c>
      <c r="D13" s="20">
        <v>20</v>
      </c>
      <c r="E13" s="20">
        <v>6070</v>
      </c>
    </row>
    <row r="14" spans="1:17">
      <c r="A14" s="74"/>
      <c r="B14" s="21">
        <v>0.66</v>
      </c>
      <c r="C14" s="21">
        <v>0.3370000000000000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71" t="s">
        <v>225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7">
      <c r="A16" s="109"/>
      <c r="B16" s="109"/>
      <c r="C16" s="109"/>
      <c r="D16" s="109"/>
      <c r="E16" s="109"/>
      <c r="J16" s="22"/>
      <c r="K16" s="22"/>
      <c r="L16" s="22"/>
      <c r="M16" s="22"/>
      <c r="N16" s="22"/>
      <c r="O16" s="2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0"/>
  <dimension ref="A1:Q17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7">
      <c r="A1" s="70" t="s">
        <v>549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76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43</v>
      </c>
      <c r="B5" s="20">
        <v>1750</v>
      </c>
      <c r="C5" s="20">
        <v>790</v>
      </c>
      <c r="D5" s="20">
        <v>52</v>
      </c>
      <c r="E5" s="20">
        <v>2592</v>
      </c>
    </row>
    <row r="6" spans="1:17">
      <c r="A6" s="77"/>
      <c r="B6" s="21">
        <v>0.67500000000000004</v>
      </c>
      <c r="C6" s="21">
        <v>0.30499999999999999</v>
      </c>
      <c r="D6" s="21">
        <v>0.0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44</v>
      </c>
      <c r="B7" s="24">
        <v>81</v>
      </c>
      <c r="C7" s="24">
        <v>75</v>
      </c>
      <c r="D7" s="24">
        <v>5</v>
      </c>
      <c r="E7" s="20">
        <v>161</v>
      </c>
      <c r="J7" s="22"/>
      <c r="K7" s="22"/>
      <c r="L7" s="22"/>
      <c r="M7" s="22"/>
      <c r="N7" s="22"/>
    </row>
    <row r="8" spans="1:17">
      <c r="A8" s="79"/>
      <c r="B8" s="21">
        <v>0.503</v>
      </c>
      <c r="C8" s="21">
        <v>0.46600000000000003</v>
      </c>
      <c r="D8" s="21">
        <v>3.1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63</v>
      </c>
      <c r="B9" s="20">
        <v>623</v>
      </c>
      <c r="C9" s="20">
        <v>584</v>
      </c>
      <c r="D9" s="20">
        <v>37</v>
      </c>
      <c r="E9" s="20">
        <v>1244</v>
      </c>
      <c r="J9" s="22"/>
      <c r="K9" s="22"/>
      <c r="L9" s="22"/>
      <c r="M9" s="22"/>
      <c r="N9" s="22"/>
      <c r="O9" s="22"/>
      <c r="P9" s="22"/>
      <c r="Q9" s="22"/>
    </row>
    <row r="10" spans="1:17">
      <c r="A10" s="77"/>
      <c r="B10" s="21">
        <v>0.501</v>
      </c>
      <c r="C10" s="21">
        <v>0.46899999999999997</v>
      </c>
      <c r="D10" s="21">
        <v>0.0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95" t="s">
        <v>22</v>
      </c>
      <c r="B11" s="24">
        <v>0</v>
      </c>
      <c r="C11" s="24">
        <v>8</v>
      </c>
      <c r="D11" s="24">
        <v>0</v>
      </c>
      <c r="E11" s="24">
        <v>8</v>
      </c>
      <c r="F11" s="45"/>
    </row>
    <row r="12" spans="1:17">
      <c r="A12" s="99"/>
      <c r="B12" s="21">
        <v>0</v>
      </c>
      <c r="C12" s="21">
        <v>1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2454</v>
      </c>
      <c r="C13" s="20">
        <v>1457</v>
      </c>
      <c r="D13" s="20">
        <v>94</v>
      </c>
      <c r="E13" s="20">
        <v>4005</v>
      </c>
    </row>
    <row r="14" spans="1:17">
      <c r="A14" s="74"/>
      <c r="B14" s="21">
        <v>0.61299999999999999</v>
      </c>
      <c r="C14" s="21">
        <v>0.36399999999999999</v>
      </c>
      <c r="D14" s="21">
        <v>2.3E-2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71" t="s">
        <v>216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7">
      <c r="A16" s="109"/>
      <c r="B16" s="109"/>
      <c r="C16" s="109"/>
      <c r="D16" s="109"/>
      <c r="E16" s="109"/>
      <c r="J16" s="22"/>
      <c r="K16" s="22"/>
      <c r="L16" s="22"/>
      <c r="M16" s="22"/>
      <c r="N16" s="22"/>
      <c r="O16" s="22"/>
    </row>
    <row r="17" spans="1:5">
      <c r="A17" s="109"/>
      <c r="B17" s="109"/>
      <c r="C17" s="109"/>
      <c r="D17" s="109"/>
      <c r="E17" s="109"/>
    </row>
  </sheetData>
  <mergeCells count="9">
    <mergeCell ref="A15:E17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1"/>
  <dimension ref="A1:S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7" width="9" style="18" customWidth="1"/>
    <col min="8" max="16384" width="9" style="18"/>
  </cols>
  <sheetData>
    <row r="1" spans="1:19">
      <c r="A1" s="70" t="s">
        <v>550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76</v>
      </c>
      <c r="B3" s="76" t="s">
        <v>126</v>
      </c>
      <c r="C3" s="76"/>
      <c r="D3" s="76"/>
      <c r="E3" s="76"/>
      <c r="F3" s="76"/>
      <c r="G3" s="76"/>
    </row>
    <row r="4" spans="1:19" ht="28.15" customHeight="1">
      <c r="A4" s="84"/>
      <c r="B4" s="11" t="s">
        <v>212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8" t="s">
        <v>43</v>
      </c>
      <c r="B5" s="20">
        <v>213</v>
      </c>
      <c r="C5" s="20">
        <v>684</v>
      </c>
      <c r="D5" s="20">
        <v>997</v>
      </c>
      <c r="E5" s="20">
        <v>1359</v>
      </c>
      <c r="F5" s="20">
        <v>10</v>
      </c>
      <c r="G5" s="20">
        <v>3263</v>
      </c>
    </row>
    <row r="6" spans="1:19">
      <c r="A6" s="77"/>
      <c r="B6" s="21">
        <v>6.5000000000000002E-2</v>
      </c>
      <c r="C6" s="21">
        <v>0.21</v>
      </c>
      <c r="D6" s="21">
        <v>0.30599999999999999</v>
      </c>
      <c r="E6" s="21">
        <v>0.41599999999999998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44</v>
      </c>
      <c r="B7" s="24">
        <v>41</v>
      </c>
      <c r="C7" s="24">
        <v>145</v>
      </c>
      <c r="D7" s="24">
        <v>133</v>
      </c>
      <c r="E7" s="24">
        <v>151</v>
      </c>
      <c r="F7" s="24">
        <v>2</v>
      </c>
      <c r="G7" s="20">
        <v>472</v>
      </c>
      <c r="L7" s="22"/>
      <c r="M7" s="22"/>
      <c r="N7" s="22"/>
      <c r="O7" s="22"/>
      <c r="P7" s="22"/>
    </row>
    <row r="8" spans="1:19">
      <c r="A8" s="79"/>
      <c r="B8" s="21">
        <v>8.6999999999999994E-2</v>
      </c>
      <c r="C8" s="21">
        <v>0.307</v>
      </c>
      <c r="D8" s="21">
        <v>0.28199999999999997</v>
      </c>
      <c r="E8" s="21">
        <v>0.32</v>
      </c>
      <c r="F8" s="21">
        <v>4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63</v>
      </c>
      <c r="B9" s="20">
        <v>179</v>
      </c>
      <c r="C9" s="20">
        <v>590</v>
      </c>
      <c r="D9" s="20">
        <v>697</v>
      </c>
      <c r="E9" s="20">
        <v>846</v>
      </c>
      <c r="F9" s="20">
        <v>3</v>
      </c>
      <c r="G9" s="20">
        <v>2315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7.6999999999999999E-2</v>
      </c>
      <c r="C10" s="21">
        <v>0.255</v>
      </c>
      <c r="D10" s="21">
        <v>0.30099999999999999</v>
      </c>
      <c r="E10" s="21">
        <v>0.36499999999999999</v>
      </c>
      <c r="F10" s="21">
        <v>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2</v>
      </c>
      <c r="C11" s="24">
        <v>5</v>
      </c>
      <c r="D11" s="24">
        <v>4</v>
      </c>
      <c r="E11" s="24">
        <v>5</v>
      </c>
      <c r="F11" s="24">
        <v>4</v>
      </c>
      <c r="G11" s="24">
        <v>20</v>
      </c>
    </row>
    <row r="12" spans="1:19">
      <c r="A12" s="99"/>
      <c r="B12" s="21">
        <v>0.1</v>
      </c>
      <c r="C12" s="21">
        <v>0.25</v>
      </c>
      <c r="D12" s="21">
        <v>0.2</v>
      </c>
      <c r="E12" s="21">
        <v>0.25</v>
      </c>
      <c r="F12" s="21">
        <v>0.2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 ht="13.9" customHeight="1">
      <c r="A13" s="73" t="s">
        <v>15</v>
      </c>
      <c r="B13" s="20">
        <v>435</v>
      </c>
      <c r="C13" s="20">
        <v>1424</v>
      </c>
      <c r="D13" s="20">
        <v>1831</v>
      </c>
      <c r="E13" s="20">
        <v>2361</v>
      </c>
      <c r="F13" s="20">
        <v>19</v>
      </c>
      <c r="G13" s="20">
        <v>6070</v>
      </c>
    </row>
    <row r="14" spans="1:19">
      <c r="A14" s="74"/>
      <c r="B14" s="21">
        <v>7.1999999999999995E-2</v>
      </c>
      <c r="C14" s="21">
        <v>0.23499999999999999</v>
      </c>
      <c r="D14" s="21">
        <v>0.30199999999999999</v>
      </c>
      <c r="E14" s="21">
        <v>0.38900000000000001</v>
      </c>
      <c r="F14" s="21">
        <v>3.000000000000000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80" t="s">
        <v>217</v>
      </c>
      <c r="B15" s="98"/>
      <c r="C15" s="98"/>
      <c r="D15" s="98"/>
      <c r="E15" s="98"/>
      <c r="F15" s="98"/>
      <c r="G15" s="98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2"/>
  <dimension ref="A1:R17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6" width="9" style="18" customWidth="1"/>
    <col min="7" max="16384" width="9" style="18"/>
  </cols>
  <sheetData>
    <row r="1" spans="1:18">
      <c r="A1" s="70" t="s">
        <v>55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76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8" t="s">
        <v>43</v>
      </c>
      <c r="B5" s="20">
        <v>339</v>
      </c>
      <c r="C5" s="20">
        <v>612</v>
      </c>
      <c r="D5" s="20">
        <v>2297</v>
      </c>
      <c r="E5" s="20">
        <v>15</v>
      </c>
      <c r="F5" s="20">
        <v>3263</v>
      </c>
    </row>
    <row r="6" spans="1:18">
      <c r="A6" s="77"/>
      <c r="B6" s="21">
        <v>0.104</v>
      </c>
      <c r="C6" s="21">
        <v>0.188</v>
      </c>
      <c r="D6" s="21">
        <v>0.70399999999999996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44</v>
      </c>
      <c r="B7" s="24">
        <v>49</v>
      </c>
      <c r="C7" s="24">
        <v>78</v>
      </c>
      <c r="D7" s="24">
        <v>340</v>
      </c>
      <c r="E7" s="24">
        <v>5</v>
      </c>
      <c r="F7" s="20">
        <v>472</v>
      </c>
      <c r="K7" s="22"/>
      <c r="L7" s="22"/>
      <c r="M7" s="22"/>
      <c r="N7" s="22"/>
      <c r="O7" s="22"/>
    </row>
    <row r="8" spans="1:18">
      <c r="A8" s="79"/>
      <c r="B8" s="21">
        <v>0.104</v>
      </c>
      <c r="C8" s="21">
        <v>0.16500000000000001</v>
      </c>
      <c r="D8" s="21">
        <v>0.72</v>
      </c>
      <c r="E8" s="21">
        <v>1.0999999999999999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63</v>
      </c>
      <c r="B9" s="20">
        <v>205</v>
      </c>
      <c r="C9" s="20">
        <v>430</v>
      </c>
      <c r="D9" s="20">
        <v>1670</v>
      </c>
      <c r="E9" s="20">
        <v>10</v>
      </c>
      <c r="F9" s="20">
        <v>2315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8.8999999999999996E-2</v>
      </c>
      <c r="C10" s="21">
        <v>0.186</v>
      </c>
      <c r="D10" s="21">
        <v>0.72099999999999997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0</v>
      </c>
      <c r="C11" s="24">
        <v>3</v>
      </c>
      <c r="D11" s="24">
        <v>13</v>
      </c>
      <c r="E11" s="24">
        <v>4</v>
      </c>
      <c r="F11" s="24">
        <v>20</v>
      </c>
    </row>
    <row r="12" spans="1:18">
      <c r="A12" s="99"/>
      <c r="B12" s="21">
        <v>0</v>
      </c>
      <c r="C12" s="21">
        <v>0.15</v>
      </c>
      <c r="D12" s="21">
        <v>0.65</v>
      </c>
      <c r="E12" s="21">
        <v>0.2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593</v>
      </c>
      <c r="C13" s="20">
        <v>1123</v>
      </c>
      <c r="D13" s="20">
        <v>4320</v>
      </c>
      <c r="E13" s="20">
        <v>34</v>
      </c>
      <c r="F13" s="20">
        <v>6070</v>
      </c>
    </row>
    <row r="14" spans="1:18">
      <c r="A14" s="74"/>
      <c r="B14" s="21">
        <v>9.8000000000000004E-2</v>
      </c>
      <c r="C14" s="21">
        <v>0.185</v>
      </c>
      <c r="D14" s="21">
        <v>0.71199999999999997</v>
      </c>
      <c r="E14" s="21">
        <v>6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71" t="s">
        <v>227</v>
      </c>
      <c r="B15" s="71"/>
      <c r="C15" s="71"/>
      <c r="D15" s="71"/>
      <c r="E15" s="71"/>
      <c r="F15" s="71"/>
      <c r="K15" s="22"/>
      <c r="L15" s="22"/>
      <c r="M15" s="22"/>
      <c r="N15" s="22"/>
      <c r="O15" s="22"/>
    </row>
    <row r="16" spans="1:18">
      <c r="A16" s="109"/>
      <c r="B16" s="109"/>
      <c r="C16" s="109"/>
      <c r="D16" s="109"/>
      <c r="E16" s="109"/>
      <c r="F16" s="109"/>
      <c r="K16" s="22"/>
      <c r="L16" s="22"/>
      <c r="M16" s="22"/>
      <c r="N16" s="22"/>
      <c r="O16" s="22"/>
      <c r="P16" s="22"/>
    </row>
    <row r="17" spans="1:6">
      <c r="A17" s="109"/>
      <c r="B17" s="109"/>
      <c r="C17" s="109"/>
      <c r="D17" s="109"/>
      <c r="E17" s="109"/>
      <c r="F17" s="109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"/>
  <dimension ref="A1:S25"/>
  <sheetViews>
    <sheetView workbookViewId="0">
      <selection activeCell="A2" sqref="A2"/>
    </sheetView>
  </sheetViews>
  <sheetFormatPr defaultColWidth="9" defaultRowHeight="14.25"/>
  <cols>
    <col min="1" max="2" width="9" style="18" customWidth="1"/>
    <col min="3" max="3" width="9.5" style="18" bestFit="1" customWidth="1"/>
    <col min="4" max="4" width="11.625" style="18" bestFit="1" customWidth="1"/>
    <col min="5" max="7" width="9" style="18" customWidth="1"/>
    <col min="8" max="16384" width="9" style="18"/>
  </cols>
  <sheetData>
    <row r="1" spans="1:19">
      <c r="A1" s="70" t="s">
        <v>283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75" t="s">
        <v>136</v>
      </c>
      <c r="B3" s="76" t="s">
        <v>39</v>
      </c>
      <c r="C3" s="76"/>
      <c r="D3" s="76"/>
      <c r="E3" s="76"/>
      <c r="F3" s="76"/>
      <c r="G3" s="76"/>
    </row>
    <row r="4" spans="1:19" ht="28.5">
      <c r="A4" s="75"/>
      <c r="B4" s="11" t="s">
        <v>228</v>
      </c>
      <c r="C4" s="11" t="s">
        <v>34</v>
      </c>
      <c r="D4" s="11" t="s">
        <v>200</v>
      </c>
      <c r="E4" s="11" t="s">
        <v>222</v>
      </c>
      <c r="F4" s="11" t="s">
        <v>22</v>
      </c>
      <c r="G4" s="11" t="s">
        <v>15</v>
      </c>
    </row>
    <row r="5" spans="1:19">
      <c r="A5" s="73" t="s">
        <v>114</v>
      </c>
      <c r="B5" s="20">
        <v>2654</v>
      </c>
      <c r="C5" s="20">
        <v>87</v>
      </c>
      <c r="D5" s="20">
        <v>12</v>
      </c>
      <c r="E5" s="20">
        <v>3</v>
      </c>
      <c r="F5" s="20">
        <v>4</v>
      </c>
      <c r="G5" s="20">
        <v>2760</v>
      </c>
    </row>
    <row r="6" spans="1:19">
      <c r="A6" s="77"/>
      <c r="B6" s="21">
        <v>0.96199999999999997</v>
      </c>
      <c r="C6" s="21">
        <v>3.2000000000000001E-2</v>
      </c>
      <c r="D6" s="21">
        <v>4.0000000000000001E-3</v>
      </c>
      <c r="E6" s="21">
        <v>1E-3</v>
      </c>
      <c r="F6" s="21">
        <v>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3" t="s">
        <v>115</v>
      </c>
      <c r="B7" s="20">
        <v>3227</v>
      </c>
      <c r="C7" s="20">
        <v>50</v>
      </c>
      <c r="D7" s="20">
        <v>13</v>
      </c>
      <c r="E7" s="20">
        <v>1</v>
      </c>
      <c r="F7" s="20">
        <v>3</v>
      </c>
      <c r="G7" s="20">
        <v>3294</v>
      </c>
    </row>
    <row r="8" spans="1:19">
      <c r="A8" s="74"/>
      <c r="B8" s="21">
        <v>0.98</v>
      </c>
      <c r="C8" s="21">
        <v>1.4999999999999999E-2</v>
      </c>
      <c r="D8" s="21">
        <v>4.0000000000000001E-3</v>
      </c>
      <c r="E8" s="21">
        <v>0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3" t="s">
        <v>22</v>
      </c>
      <c r="B9" s="24">
        <v>15</v>
      </c>
      <c r="C9" s="24">
        <v>1</v>
      </c>
      <c r="D9" s="24">
        <v>0</v>
      </c>
      <c r="E9" s="24">
        <v>0</v>
      </c>
      <c r="F9" s="24">
        <v>0</v>
      </c>
      <c r="G9" s="24">
        <v>16</v>
      </c>
      <c r="L9" s="22"/>
      <c r="M9" s="22"/>
      <c r="N9" s="22"/>
      <c r="O9" s="22"/>
      <c r="P9" s="22"/>
    </row>
    <row r="10" spans="1:19">
      <c r="A10" s="74"/>
      <c r="B10" s="21">
        <v>0.93799999999999994</v>
      </c>
      <c r="C10" s="21">
        <v>6.3E-2</v>
      </c>
      <c r="D10" s="21">
        <v>0</v>
      </c>
      <c r="E10" s="21">
        <v>0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8" t="s">
        <v>15</v>
      </c>
      <c r="B11" s="20">
        <v>5896</v>
      </c>
      <c r="C11" s="20">
        <v>138</v>
      </c>
      <c r="D11" s="20">
        <v>25</v>
      </c>
      <c r="E11" s="20">
        <v>4</v>
      </c>
      <c r="F11" s="20">
        <v>7</v>
      </c>
      <c r="G11" s="20">
        <v>6070</v>
      </c>
    </row>
    <row r="12" spans="1:19">
      <c r="A12" s="79"/>
      <c r="B12" s="21">
        <v>0.97099999999999997</v>
      </c>
      <c r="C12" s="21">
        <v>2.3E-2</v>
      </c>
      <c r="D12" s="21">
        <v>4.0000000000000001E-3</v>
      </c>
      <c r="E12" s="21">
        <v>1E-3</v>
      </c>
      <c r="F12" s="21">
        <v>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ht="13.9" customHeight="1">
      <c r="A13" s="39" t="s">
        <v>40</v>
      </c>
      <c r="B13" s="39"/>
      <c r="C13" s="39"/>
      <c r="D13" s="39"/>
      <c r="E13" s="39"/>
      <c r="F13" s="39"/>
      <c r="G13" s="39"/>
      <c r="L13" s="22"/>
      <c r="M13" s="22"/>
      <c r="N13" s="22"/>
      <c r="O13" s="22"/>
      <c r="P13" s="22"/>
    </row>
    <row r="14" spans="1:19">
      <c r="A14" s="43"/>
      <c r="B14" s="43"/>
      <c r="C14" s="43"/>
      <c r="D14" s="43"/>
      <c r="E14" s="43"/>
      <c r="F14" s="43"/>
      <c r="G14" s="43"/>
      <c r="L14" s="22"/>
      <c r="M14" s="22"/>
      <c r="N14" s="22"/>
      <c r="O14" s="22"/>
      <c r="P14" s="22"/>
      <c r="Q14" s="22"/>
      <c r="R14" s="22"/>
      <c r="S14" s="22"/>
    </row>
    <row r="15" spans="1:19">
      <c r="L15" s="22"/>
      <c r="M15" s="22"/>
      <c r="N15" s="22"/>
      <c r="O15" s="22"/>
      <c r="P15" s="22"/>
    </row>
    <row r="16" spans="1:19">
      <c r="L16" s="22"/>
      <c r="M16" s="22"/>
      <c r="N16" s="22"/>
      <c r="O16" s="22"/>
      <c r="P16" s="22"/>
      <c r="Q16" s="22"/>
      <c r="R16" s="22"/>
      <c r="S16" s="22"/>
    </row>
    <row r="17" spans="12:19">
      <c r="L17" s="22"/>
      <c r="M17" s="22"/>
      <c r="N17" s="22"/>
      <c r="O17" s="22"/>
      <c r="P17" s="22"/>
    </row>
    <row r="18" spans="12:19">
      <c r="L18" s="22"/>
      <c r="M18" s="22"/>
      <c r="N18" s="22"/>
      <c r="O18" s="22"/>
      <c r="P18" s="22"/>
      <c r="Q18" s="22"/>
      <c r="R18" s="22"/>
      <c r="S18" s="22"/>
    </row>
    <row r="19" spans="12:19">
      <c r="L19" s="22"/>
      <c r="M19" s="22"/>
      <c r="N19" s="22"/>
      <c r="O19" s="22"/>
      <c r="P19" s="22"/>
    </row>
    <row r="20" spans="12:19">
      <c r="L20" s="22"/>
      <c r="M20" s="22"/>
      <c r="N20" s="22"/>
      <c r="O20" s="22"/>
      <c r="P20" s="22"/>
      <c r="Q20" s="22"/>
      <c r="R20" s="22"/>
      <c r="S20" s="22"/>
    </row>
    <row r="21" spans="12:19">
      <c r="L21" s="22"/>
      <c r="M21" s="22"/>
      <c r="N21" s="22"/>
      <c r="O21" s="22"/>
      <c r="P21" s="22"/>
    </row>
    <row r="22" spans="12:19">
      <c r="L22" s="22"/>
      <c r="M22" s="22"/>
      <c r="N22" s="22"/>
      <c r="O22" s="22"/>
      <c r="P22" s="22"/>
      <c r="Q22" s="22"/>
      <c r="R22" s="22"/>
      <c r="S22" s="22"/>
    </row>
    <row r="23" spans="12:19" ht="13.9" customHeight="1">
      <c r="L23" s="22"/>
      <c r="M23" s="22"/>
      <c r="N23" s="22"/>
      <c r="O23" s="22"/>
      <c r="P23" s="22"/>
    </row>
    <row r="24" spans="12:19">
      <c r="L24" s="22"/>
      <c r="M24" s="22"/>
      <c r="N24" s="22"/>
      <c r="O24" s="22"/>
      <c r="P24" s="22"/>
      <c r="Q24" s="22"/>
      <c r="R24" s="22"/>
      <c r="S24" s="22"/>
    </row>
    <row r="25" spans="12:19">
      <c r="L25" s="22"/>
      <c r="M25" s="22"/>
      <c r="N25" s="22"/>
      <c r="O25" s="22"/>
      <c r="P25" s="22"/>
    </row>
  </sheetData>
  <mergeCells count="7"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3"/>
  <dimension ref="A1:R16"/>
  <sheetViews>
    <sheetView workbookViewId="0">
      <selection activeCell="A2" sqref="A2"/>
    </sheetView>
  </sheetViews>
  <sheetFormatPr defaultColWidth="9" defaultRowHeight="14.25"/>
  <cols>
    <col min="1" max="1" width="18.375" style="18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52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76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107</v>
      </c>
      <c r="E4" s="11" t="s">
        <v>22</v>
      </c>
      <c r="F4" s="11" t="s">
        <v>15</v>
      </c>
    </row>
    <row r="5" spans="1:18">
      <c r="A5" s="78" t="s">
        <v>43</v>
      </c>
      <c r="B5" s="20">
        <v>1381</v>
      </c>
      <c r="C5" s="20">
        <v>1454</v>
      </c>
      <c r="D5" s="20">
        <v>423</v>
      </c>
      <c r="E5" s="20">
        <v>5</v>
      </c>
      <c r="F5" s="20">
        <v>3263</v>
      </c>
    </row>
    <row r="6" spans="1:18">
      <c r="A6" s="77"/>
      <c r="B6" s="21">
        <v>0.42299999999999999</v>
      </c>
      <c r="C6" s="21">
        <v>0.44600000000000001</v>
      </c>
      <c r="D6" s="21">
        <v>0.13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44</v>
      </c>
      <c r="B7" s="24">
        <v>139</v>
      </c>
      <c r="C7" s="24">
        <v>280</v>
      </c>
      <c r="D7" s="24">
        <v>52</v>
      </c>
      <c r="E7" s="24">
        <v>1</v>
      </c>
      <c r="F7" s="20">
        <v>472</v>
      </c>
      <c r="K7" s="22"/>
      <c r="L7" s="22"/>
      <c r="M7" s="22"/>
      <c r="N7" s="22"/>
      <c r="O7" s="22"/>
    </row>
    <row r="8" spans="1:18">
      <c r="A8" s="79"/>
      <c r="B8" s="21">
        <v>0.29399999999999998</v>
      </c>
      <c r="C8" s="21">
        <v>0.59299999999999997</v>
      </c>
      <c r="D8" s="21">
        <v>0.11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63</v>
      </c>
      <c r="B9" s="20">
        <v>930</v>
      </c>
      <c r="C9" s="20">
        <v>924</v>
      </c>
      <c r="D9" s="20">
        <v>458</v>
      </c>
      <c r="E9" s="20">
        <v>3</v>
      </c>
      <c r="F9" s="20">
        <v>2315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0.40200000000000002</v>
      </c>
      <c r="C10" s="21">
        <v>0.39900000000000002</v>
      </c>
      <c r="D10" s="21">
        <v>0.19800000000000001</v>
      </c>
      <c r="E10" s="21">
        <v>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95" t="s">
        <v>22</v>
      </c>
      <c r="B11" s="24">
        <v>7</v>
      </c>
      <c r="C11" s="24">
        <v>8</v>
      </c>
      <c r="D11" s="24">
        <v>1</v>
      </c>
      <c r="E11" s="24">
        <v>4</v>
      </c>
      <c r="F11" s="24">
        <v>20</v>
      </c>
    </row>
    <row r="12" spans="1:18">
      <c r="A12" s="99"/>
      <c r="B12" s="21">
        <v>0.35</v>
      </c>
      <c r="C12" s="21">
        <v>0.4</v>
      </c>
      <c r="D12" s="21">
        <v>0.05</v>
      </c>
      <c r="E12" s="21">
        <v>0.2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2457</v>
      </c>
      <c r="C13" s="20">
        <v>2666</v>
      </c>
      <c r="D13" s="20">
        <v>934</v>
      </c>
      <c r="E13" s="20">
        <v>13</v>
      </c>
      <c r="F13" s="20">
        <v>6070</v>
      </c>
    </row>
    <row r="14" spans="1:18">
      <c r="A14" s="74"/>
      <c r="B14" s="21">
        <v>0.40500000000000003</v>
      </c>
      <c r="C14" s="21">
        <v>0.439</v>
      </c>
      <c r="D14" s="21">
        <v>0.154</v>
      </c>
      <c r="E14" s="21">
        <v>2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80" t="s">
        <v>261</v>
      </c>
      <c r="B15" s="98"/>
      <c r="C15" s="98"/>
      <c r="D15" s="98"/>
      <c r="E15" s="98"/>
      <c r="F15" s="98"/>
      <c r="K15" s="22"/>
      <c r="L15" s="22"/>
      <c r="M15" s="22"/>
      <c r="N15" s="22"/>
      <c r="O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4"/>
  <dimension ref="A1:S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53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76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9">
      <c r="A5" s="78" t="s">
        <v>43</v>
      </c>
      <c r="B5" s="20">
        <v>635</v>
      </c>
      <c r="C5" s="20">
        <v>306</v>
      </c>
      <c r="D5" s="20">
        <v>54</v>
      </c>
      <c r="E5" s="20">
        <v>382</v>
      </c>
      <c r="F5" s="20">
        <v>4</v>
      </c>
      <c r="G5" s="20">
        <v>1381</v>
      </c>
    </row>
    <row r="6" spans="1:19">
      <c r="A6" s="77"/>
      <c r="B6" s="21">
        <v>0.46</v>
      </c>
      <c r="C6" s="21">
        <v>0.222</v>
      </c>
      <c r="D6" s="21">
        <v>3.9E-2</v>
      </c>
      <c r="E6" s="21">
        <v>0.27700000000000002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44</v>
      </c>
      <c r="B7" s="24">
        <v>78</v>
      </c>
      <c r="C7" s="24">
        <v>24</v>
      </c>
      <c r="D7" s="24">
        <v>7</v>
      </c>
      <c r="E7" s="24">
        <v>30</v>
      </c>
      <c r="F7" s="24">
        <v>0</v>
      </c>
      <c r="G7" s="20">
        <v>139</v>
      </c>
      <c r="L7" s="22"/>
      <c r="M7" s="22"/>
      <c r="N7" s="22"/>
      <c r="O7" s="22"/>
      <c r="P7" s="22"/>
    </row>
    <row r="8" spans="1:19">
      <c r="A8" s="79"/>
      <c r="B8" s="21">
        <v>0.56100000000000005</v>
      </c>
      <c r="C8" s="21">
        <v>0.17299999999999999</v>
      </c>
      <c r="D8" s="21">
        <v>0.05</v>
      </c>
      <c r="E8" s="21">
        <v>0.216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63</v>
      </c>
      <c r="B9" s="20">
        <v>387</v>
      </c>
      <c r="C9" s="20">
        <v>182</v>
      </c>
      <c r="D9" s="20">
        <v>23</v>
      </c>
      <c r="E9" s="20">
        <v>336</v>
      </c>
      <c r="F9" s="20">
        <v>2</v>
      </c>
      <c r="G9" s="20">
        <v>930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0.41599999999999998</v>
      </c>
      <c r="C10" s="21">
        <v>0.19600000000000001</v>
      </c>
      <c r="D10" s="21">
        <v>2.5000000000000001E-2</v>
      </c>
      <c r="E10" s="21">
        <v>0.36099999999999999</v>
      </c>
      <c r="F10" s="21">
        <v>2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95" t="s">
        <v>22</v>
      </c>
      <c r="B11" s="24">
        <v>5</v>
      </c>
      <c r="C11" s="24">
        <v>0</v>
      </c>
      <c r="D11" s="24">
        <v>0</v>
      </c>
      <c r="E11" s="24">
        <v>2</v>
      </c>
      <c r="F11" s="24">
        <v>0</v>
      </c>
      <c r="G11" s="24">
        <v>7</v>
      </c>
    </row>
    <row r="12" spans="1:19">
      <c r="A12" s="99"/>
      <c r="B12" s="21">
        <v>0.71399999999999997</v>
      </c>
      <c r="C12" s="21">
        <v>0</v>
      </c>
      <c r="D12" s="21">
        <v>0</v>
      </c>
      <c r="E12" s="21">
        <v>0.28599999999999998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1105</v>
      </c>
      <c r="C13" s="20">
        <v>512</v>
      </c>
      <c r="D13" s="20">
        <v>84</v>
      </c>
      <c r="E13" s="20">
        <v>750</v>
      </c>
      <c r="F13" s="20">
        <v>6</v>
      </c>
      <c r="G13" s="20">
        <v>2457</v>
      </c>
    </row>
    <row r="14" spans="1:19">
      <c r="A14" s="74"/>
      <c r="B14" s="21">
        <v>0.45</v>
      </c>
      <c r="C14" s="21">
        <v>0.20799999999999999</v>
      </c>
      <c r="D14" s="21">
        <v>3.4000000000000002E-2</v>
      </c>
      <c r="E14" s="21">
        <v>0.30499999999999999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80" t="s">
        <v>218</v>
      </c>
      <c r="B15" s="98"/>
      <c r="C15" s="98"/>
      <c r="D15" s="98"/>
      <c r="E15" s="98"/>
      <c r="F15" s="98"/>
      <c r="G15" s="98"/>
      <c r="L15" s="22"/>
      <c r="M15" s="22"/>
      <c r="N15" s="22"/>
      <c r="O15" s="22"/>
      <c r="P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5"/>
  <dimension ref="A1:R33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7" width="9.625" style="18" customWidth="1"/>
    <col min="8" max="16384" width="9" style="18"/>
  </cols>
  <sheetData>
    <row r="1" spans="1:18">
      <c r="A1" s="54" t="s">
        <v>609</v>
      </c>
      <c r="B1" s="54"/>
      <c r="C1" s="54"/>
    </row>
    <row r="2" spans="1:18">
      <c r="A2" s="121" t="s">
        <v>613</v>
      </c>
      <c r="B2" s="36"/>
      <c r="C2" s="36"/>
    </row>
    <row r="3" spans="1:18" ht="58.5" customHeight="1">
      <c r="A3" s="84" t="s">
        <v>608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8">
      <c r="A4" s="84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8">
      <c r="A5" s="78" t="s">
        <v>43</v>
      </c>
      <c r="B5" s="20">
        <v>1528</v>
      </c>
      <c r="C5" s="20">
        <v>4139</v>
      </c>
      <c r="D5" s="20">
        <v>3148</v>
      </c>
      <c r="E5" s="20">
        <v>2519</v>
      </c>
      <c r="F5" s="20">
        <v>706</v>
      </c>
      <c r="G5" s="20">
        <v>4961</v>
      </c>
    </row>
    <row r="6" spans="1:18">
      <c r="A6" s="77"/>
      <c r="B6" s="21">
        <v>0.27</v>
      </c>
      <c r="C6" s="21">
        <v>0.73</v>
      </c>
      <c r="D6" s="21">
        <v>0.55500000000000005</v>
      </c>
      <c r="E6" s="21">
        <v>0.44500000000000001</v>
      </c>
      <c r="F6" s="21">
        <v>0.125</v>
      </c>
      <c r="G6" s="21">
        <v>0.875</v>
      </c>
      <c r="H6" s="22"/>
      <c r="I6" s="22"/>
      <c r="J6" s="22"/>
    </row>
    <row r="7" spans="1:18" s="23" customFormat="1">
      <c r="A7" s="73" t="s">
        <v>15</v>
      </c>
      <c r="B7" s="20">
        <v>1528</v>
      </c>
      <c r="C7" s="20">
        <v>4139</v>
      </c>
      <c r="D7" s="20">
        <v>3148</v>
      </c>
      <c r="E7" s="20">
        <v>2519</v>
      </c>
      <c r="F7" s="20">
        <v>706</v>
      </c>
      <c r="G7" s="20">
        <v>4961</v>
      </c>
    </row>
    <row r="8" spans="1:18">
      <c r="A8" s="74"/>
      <c r="B8" s="21">
        <v>0.27</v>
      </c>
      <c r="C8" s="21">
        <v>0.73</v>
      </c>
      <c r="D8" s="21">
        <v>0.55500000000000005</v>
      </c>
      <c r="E8" s="21">
        <v>0.44500000000000001</v>
      </c>
      <c r="F8" s="21">
        <v>0.125</v>
      </c>
      <c r="G8" s="21">
        <v>0.875</v>
      </c>
      <c r="H8" s="22"/>
      <c r="I8" s="22"/>
      <c r="J8" s="22"/>
    </row>
    <row r="9" spans="1:18">
      <c r="A9" s="36"/>
      <c r="B9" s="51"/>
      <c r="C9" s="51"/>
      <c r="D9" s="51"/>
      <c r="E9" s="51"/>
      <c r="F9" s="51"/>
      <c r="G9" s="51"/>
      <c r="H9" s="22"/>
      <c r="I9" s="22"/>
      <c r="J9" s="22"/>
    </row>
    <row r="10" spans="1:18" ht="30.75" customHeight="1">
      <c r="A10" s="84" t="s">
        <v>608</v>
      </c>
      <c r="B10" s="82" t="s">
        <v>160</v>
      </c>
      <c r="C10" s="82"/>
      <c r="D10" s="82" t="s">
        <v>161</v>
      </c>
      <c r="E10" s="82"/>
      <c r="F10" s="82" t="s">
        <v>162</v>
      </c>
      <c r="G10" s="82"/>
      <c r="H10" s="22"/>
      <c r="I10" s="22"/>
      <c r="J10" s="22"/>
    </row>
    <row r="11" spans="1:18">
      <c r="A11" s="84"/>
      <c r="B11" s="11" t="s">
        <v>180</v>
      </c>
      <c r="C11" s="11" t="s">
        <v>181</v>
      </c>
      <c r="D11" s="11" t="s">
        <v>180</v>
      </c>
      <c r="E11" s="11" t="s">
        <v>181</v>
      </c>
      <c r="F11" s="11" t="s">
        <v>180</v>
      </c>
      <c r="G11" s="11" t="s">
        <v>181</v>
      </c>
      <c r="H11" s="22"/>
      <c r="I11" s="22"/>
      <c r="J11" s="22"/>
      <c r="L11" s="55"/>
      <c r="M11" s="55"/>
      <c r="N11" s="55"/>
      <c r="O11" s="55"/>
      <c r="P11" s="55"/>
      <c r="Q11" s="55"/>
      <c r="R11" s="55"/>
    </row>
    <row r="12" spans="1:18" ht="14.25" customHeight="1">
      <c r="A12" s="78" t="s">
        <v>43</v>
      </c>
      <c r="B12" s="20">
        <v>1249</v>
      </c>
      <c r="C12" s="20">
        <v>4418</v>
      </c>
      <c r="D12" s="20">
        <v>81</v>
      </c>
      <c r="E12" s="20">
        <v>5586</v>
      </c>
      <c r="F12" s="20">
        <v>303</v>
      </c>
      <c r="G12" s="20">
        <v>5364</v>
      </c>
      <c r="H12" s="22"/>
      <c r="I12" s="22"/>
      <c r="J12" s="22"/>
      <c r="M12" s="56"/>
      <c r="N12" s="56"/>
      <c r="O12" s="56"/>
      <c r="P12" s="56"/>
      <c r="Q12" s="56"/>
      <c r="R12" s="56"/>
    </row>
    <row r="13" spans="1:18">
      <c r="A13" s="77"/>
      <c r="B13" s="21">
        <v>0.22</v>
      </c>
      <c r="C13" s="21">
        <v>0.78</v>
      </c>
      <c r="D13" s="21">
        <v>1.4E-2</v>
      </c>
      <c r="E13" s="21">
        <v>0.98599999999999999</v>
      </c>
      <c r="F13" s="21">
        <v>5.2999999999999999E-2</v>
      </c>
      <c r="G13" s="21">
        <v>0.94699999999999995</v>
      </c>
      <c r="H13" s="22"/>
      <c r="I13" s="22"/>
      <c r="J13" s="22"/>
    </row>
    <row r="14" spans="1:18">
      <c r="A14" s="73" t="s">
        <v>15</v>
      </c>
      <c r="B14" s="20">
        <v>1249</v>
      </c>
      <c r="C14" s="20">
        <v>4418</v>
      </c>
      <c r="D14" s="20">
        <v>81</v>
      </c>
      <c r="E14" s="20">
        <v>5586</v>
      </c>
      <c r="F14" s="20">
        <v>303</v>
      </c>
      <c r="G14" s="20">
        <v>5364</v>
      </c>
      <c r="H14" s="22"/>
      <c r="I14" s="22"/>
      <c r="J14" s="22"/>
    </row>
    <row r="15" spans="1:18">
      <c r="A15" s="74"/>
      <c r="B15" s="21">
        <v>0.22</v>
      </c>
      <c r="C15" s="21">
        <v>0.78</v>
      </c>
      <c r="D15" s="21">
        <v>1.4E-2</v>
      </c>
      <c r="E15" s="21">
        <v>0.98599999999999999</v>
      </c>
      <c r="F15" s="21">
        <v>5.2999999999999999E-2</v>
      </c>
      <c r="G15" s="21">
        <v>0.94699999999999995</v>
      </c>
      <c r="H15" s="22"/>
      <c r="I15" s="22"/>
      <c r="J15" s="22"/>
    </row>
    <row r="16" spans="1:18">
      <c r="H16" s="22"/>
    </row>
    <row r="17" spans="1:7" ht="29.25" customHeight="1">
      <c r="A17" s="84" t="s">
        <v>80</v>
      </c>
      <c r="B17" s="82" t="s">
        <v>163</v>
      </c>
      <c r="C17" s="82"/>
      <c r="D17" s="82" t="s">
        <v>164</v>
      </c>
      <c r="E17" s="82"/>
      <c r="F17" s="82" t="s">
        <v>165</v>
      </c>
      <c r="G17" s="82"/>
    </row>
    <row r="18" spans="1:7">
      <c r="A18" s="84"/>
      <c r="B18" s="11" t="s">
        <v>180</v>
      </c>
      <c r="C18" s="11" t="s">
        <v>181</v>
      </c>
      <c r="D18" s="11" t="s">
        <v>180</v>
      </c>
      <c r="E18" s="11" t="s">
        <v>181</v>
      </c>
      <c r="F18" s="11" t="s">
        <v>180</v>
      </c>
      <c r="G18" s="11" t="s">
        <v>181</v>
      </c>
    </row>
    <row r="19" spans="1:7">
      <c r="A19" s="78" t="s">
        <v>43</v>
      </c>
      <c r="B19" s="20">
        <v>1093</v>
      </c>
      <c r="C19" s="20">
        <v>4574</v>
      </c>
      <c r="D19" s="20">
        <v>187</v>
      </c>
      <c r="E19" s="20">
        <v>5480</v>
      </c>
      <c r="F19" s="20">
        <v>848</v>
      </c>
      <c r="G19" s="20">
        <v>4819</v>
      </c>
    </row>
    <row r="20" spans="1:7">
      <c r="A20" s="77"/>
      <c r="B20" s="21">
        <v>0.193</v>
      </c>
      <c r="C20" s="21">
        <v>0.80700000000000005</v>
      </c>
      <c r="D20" s="21">
        <v>3.3000000000000002E-2</v>
      </c>
      <c r="E20" s="21">
        <v>0.96699999999999997</v>
      </c>
      <c r="F20" s="21">
        <v>0.15</v>
      </c>
      <c r="G20" s="21">
        <v>0.85</v>
      </c>
    </row>
    <row r="21" spans="1:7">
      <c r="A21" s="73" t="s">
        <v>15</v>
      </c>
      <c r="B21" s="20">
        <v>1093</v>
      </c>
      <c r="C21" s="20">
        <v>4574</v>
      </c>
      <c r="D21" s="20">
        <v>187</v>
      </c>
      <c r="E21" s="20">
        <v>5480</v>
      </c>
      <c r="F21" s="20">
        <v>848</v>
      </c>
      <c r="G21" s="20">
        <v>4819</v>
      </c>
    </row>
    <row r="22" spans="1:7">
      <c r="A22" s="74"/>
      <c r="B22" s="21">
        <v>0.193</v>
      </c>
      <c r="C22" s="21">
        <v>0.80700000000000005</v>
      </c>
      <c r="D22" s="21">
        <v>3.3000000000000002E-2</v>
      </c>
      <c r="E22" s="21">
        <v>0.96699999999999997</v>
      </c>
      <c r="F22" s="21">
        <v>0.15</v>
      </c>
      <c r="G22" s="21">
        <v>0.85</v>
      </c>
    </row>
    <row r="24" spans="1:7" ht="30" customHeight="1">
      <c r="A24" s="84" t="s">
        <v>80</v>
      </c>
      <c r="B24" s="82" t="s">
        <v>166</v>
      </c>
      <c r="C24" s="82"/>
    </row>
    <row r="25" spans="1:7">
      <c r="A25" s="84"/>
      <c r="B25" s="11" t="s">
        <v>180</v>
      </c>
      <c r="C25" s="11" t="s">
        <v>181</v>
      </c>
    </row>
    <row r="26" spans="1:7">
      <c r="A26" s="78" t="s">
        <v>43</v>
      </c>
      <c r="B26" s="20">
        <v>131</v>
      </c>
      <c r="C26" s="20">
        <v>5536</v>
      </c>
    </row>
    <row r="27" spans="1:7">
      <c r="A27" s="77"/>
      <c r="B27" s="21">
        <v>2.3E-2</v>
      </c>
      <c r="C27" s="21">
        <v>0.97699999999999998</v>
      </c>
    </row>
    <row r="28" spans="1:7">
      <c r="A28" s="73" t="s">
        <v>15</v>
      </c>
      <c r="B28" s="20">
        <v>131</v>
      </c>
      <c r="C28" s="20">
        <v>5536</v>
      </c>
    </row>
    <row r="29" spans="1:7">
      <c r="A29" s="74"/>
      <c r="B29" s="21">
        <v>2.3E-2</v>
      </c>
      <c r="C29" s="21">
        <v>0.97699999999999998</v>
      </c>
    </row>
    <row r="30" spans="1:7">
      <c r="A30" s="71" t="s">
        <v>302</v>
      </c>
      <c r="B30" s="71"/>
      <c r="C30" s="71"/>
    </row>
    <row r="31" spans="1:7">
      <c r="A31" s="109"/>
      <c r="B31" s="109"/>
      <c r="C31" s="109"/>
    </row>
    <row r="32" spans="1:7">
      <c r="A32" s="109"/>
      <c r="B32" s="109"/>
      <c r="C32" s="109"/>
    </row>
    <row r="33" spans="1:3">
      <c r="A33" s="109"/>
      <c r="B33" s="109"/>
      <c r="C33" s="109"/>
    </row>
  </sheetData>
  <mergeCells count="23">
    <mergeCell ref="A30:C33"/>
    <mergeCell ref="F17:G17"/>
    <mergeCell ref="B24:C24"/>
    <mergeCell ref="A24:A25"/>
    <mergeCell ref="A26:A27"/>
    <mergeCell ref="A28:A29"/>
    <mergeCell ref="A19:A20"/>
    <mergeCell ref="A21:A22"/>
    <mergeCell ref="A17:A18"/>
    <mergeCell ref="B17:C17"/>
    <mergeCell ref="D17:E17"/>
    <mergeCell ref="F3:G3"/>
    <mergeCell ref="B10:C10"/>
    <mergeCell ref="A10:A11"/>
    <mergeCell ref="A12:A13"/>
    <mergeCell ref="A14:A15"/>
    <mergeCell ref="F10:G10"/>
    <mergeCell ref="D10:E10"/>
    <mergeCell ref="A5:A6"/>
    <mergeCell ref="A7:A8"/>
    <mergeCell ref="A3:A4"/>
    <mergeCell ref="B3:C3"/>
    <mergeCell ref="D3:E3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7"/>
  <dimension ref="A1:Q14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7">
      <c r="A1" s="70" t="s">
        <v>55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610</v>
      </c>
      <c r="B3" s="76" t="s">
        <v>124</v>
      </c>
      <c r="C3" s="76"/>
      <c r="D3" s="76"/>
      <c r="E3" s="76"/>
    </row>
    <row r="4" spans="1:17" ht="28.5">
      <c r="A4" s="84"/>
      <c r="B4" s="11" t="s">
        <v>193</v>
      </c>
      <c r="C4" s="11" t="s">
        <v>194</v>
      </c>
      <c r="D4" s="11" t="s">
        <v>22</v>
      </c>
      <c r="E4" s="11" t="s">
        <v>15</v>
      </c>
    </row>
    <row r="5" spans="1:17">
      <c r="A5" s="78" t="s">
        <v>43</v>
      </c>
      <c r="B5" s="20">
        <v>3941</v>
      </c>
      <c r="C5" s="20">
        <v>1712</v>
      </c>
      <c r="D5" s="20">
        <v>14</v>
      </c>
      <c r="E5" s="20">
        <v>5667</v>
      </c>
    </row>
    <row r="6" spans="1:17">
      <c r="A6" s="77"/>
      <c r="B6" s="21">
        <v>0.69499999999999995</v>
      </c>
      <c r="C6" s="21">
        <v>0.30199999999999999</v>
      </c>
      <c r="D6" s="21">
        <v>2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44</v>
      </c>
      <c r="B7" s="24">
        <v>59</v>
      </c>
      <c r="C7" s="24">
        <v>327</v>
      </c>
      <c r="D7" s="24">
        <v>0</v>
      </c>
      <c r="E7" s="20">
        <v>386</v>
      </c>
      <c r="J7" s="22"/>
      <c r="K7" s="22"/>
      <c r="L7" s="22"/>
      <c r="M7" s="22"/>
      <c r="N7" s="22"/>
    </row>
    <row r="8" spans="1:17">
      <c r="A8" s="79"/>
      <c r="B8" s="21">
        <v>0.153</v>
      </c>
      <c r="C8" s="21">
        <v>0.84699999999999998</v>
      </c>
      <c r="D8" s="21">
        <v>0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5</v>
      </c>
      <c r="C9" s="24">
        <v>6</v>
      </c>
      <c r="D9" s="24">
        <v>6</v>
      </c>
      <c r="E9" s="24">
        <v>17</v>
      </c>
    </row>
    <row r="10" spans="1:17">
      <c r="A10" s="99"/>
      <c r="B10" s="21">
        <v>0.29399999999999998</v>
      </c>
      <c r="C10" s="21">
        <v>0.35299999999999998</v>
      </c>
      <c r="D10" s="21">
        <v>0.35299999999999998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3" t="s">
        <v>15</v>
      </c>
      <c r="B11" s="24">
        <v>4005</v>
      </c>
      <c r="C11" s="24">
        <v>2045</v>
      </c>
      <c r="D11" s="24">
        <v>20</v>
      </c>
      <c r="E11" s="24">
        <v>6070</v>
      </c>
      <c r="J11" s="22"/>
      <c r="K11" s="22"/>
      <c r="L11" s="22"/>
      <c r="M11" s="22"/>
      <c r="N11" s="22"/>
    </row>
    <row r="12" spans="1:17">
      <c r="A12" s="74"/>
      <c r="B12" s="21">
        <v>0.66</v>
      </c>
      <c r="C12" s="21">
        <v>0.33700000000000002</v>
      </c>
      <c r="D12" s="21">
        <v>3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80" t="s">
        <v>225</v>
      </c>
      <c r="B13" s="80"/>
      <c r="C13" s="80"/>
      <c r="D13" s="80"/>
      <c r="E13" s="80"/>
      <c r="J13" s="22"/>
      <c r="K13" s="22"/>
      <c r="L13" s="22"/>
      <c r="M13" s="22"/>
      <c r="N13" s="22"/>
    </row>
    <row r="14" spans="1:17">
      <c r="A14" s="108"/>
      <c r="B14" s="108"/>
      <c r="C14" s="108"/>
      <c r="D14" s="108"/>
      <c r="E14" s="108"/>
      <c r="J14" s="22"/>
      <c r="K14" s="22"/>
      <c r="L14" s="22"/>
      <c r="M14" s="22"/>
      <c r="N14" s="22"/>
      <c r="O14" s="22"/>
    </row>
  </sheetData>
  <mergeCells count="8">
    <mergeCell ref="A13:E14"/>
    <mergeCell ref="A9:A10"/>
    <mergeCell ref="A11:A12"/>
    <mergeCell ref="A1:E1"/>
    <mergeCell ref="A3:A4"/>
    <mergeCell ref="B3:E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8"/>
  <dimension ref="A1:Q15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7">
      <c r="A1" s="70" t="s">
        <v>555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610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43</v>
      </c>
      <c r="B5" s="20">
        <v>2435</v>
      </c>
      <c r="C5" s="20">
        <v>1416</v>
      </c>
      <c r="D5" s="20">
        <v>90</v>
      </c>
      <c r="E5" s="20">
        <v>3941</v>
      </c>
    </row>
    <row r="6" spans="1:17">
      <c r="A6" s="77"/>
      <c r="B6" s="21">
        <v>0.61799999999999999</v>
      </c>
      <c r="C6" s="21">
        <v>0.35899999999999999</v>
      </c>
      <c r="D6" s="21">
        <v>2.3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>
      <c r="A7" s="78" t="s">
        <v>44</v>
      </c>
      <c r="B7" s="24">
        <v>16</v>
      </c>
      <c r="C7" s="24">
        <v>40</v>
      </c>
      <c r="D7" s="24">
        <v>3</v>
      </c>
      <c r="E7" s="20">
        <v>59</v>
      </c>
      <c r="J7" s="22"/>
      <c r="K7" s="22"/>
      <c r="L7" s="22"/>
      <c r="M7" s="22"/>
      <c r="N7" s="22"/>
    </row>
    <row r="8" spans="1:17">
      <c r="A8" s="79"/>
      <c r="B8" s="21">
        <v>0.27100000000000002</v>
      </c>
      <c r="C8" s="21">
        <v>0.67800000000000005</v>
      </c>
      <c r="D8" s="21">
        <v>5.0999999999999997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95" t="s">
        <v>22</v>
      </c>
      <c r="B9" s="24">
        <v>3</v>
      </c>
      <c r="C9" s="24">
        <v>1</v>
      </c>
      <c r="D9" s="24">
        <v>1</v>
      </c>
      <c r="E9" s="24">
        <v>5</v>
      </c>
    </row>
    <row r="10" spans="1:17">
      <c r="A10" s="99"/>
      <c r="B10" s="21">
        <v>0.6</v>
      </c>
      <c r="C10" s="21">
        <v>0.2</v>
      </c>
      <c r="D10" s="21">
        <v>0.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3" t="s">
        <v>15</v>
      </c>
      <c r="B11" s="20">
        <v>2454</v>
      </c>
      <c r="C11" s="20">
        <v>1457</v>
      </c>
      <c r="D11" s="20">
        <v>94</v>
      </c>
      <c r="E11" s="20">
        <v>4005</v>
      </c>
    </row>
    <row r="12" spans="1:17">
      <c r="A12" s="74"/>
      <c r="B12" s="21">
        <v>0.61299999999999999</v>
      </c>
      <c r="C12" s="21">
        <v>0.36399999999999999</v>
      </c>
      <c r="D12" s="21">
        <v>2.3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71" t="s">
        <v>216</v>
      </c>
      <c r="B13" s="71"/>
      <c r="C13" s="71"/>
      <c r="D13" s="71"/>
      <c r="E13" s="71"/>
      <c r="J13" s="22"/>
      <c r="K13" s="22"/>
      <c r="L13" s="22"/>
      <c r="M13" s="22"/>
      <c r="N13" s="22"/>
    </row>
    <row r="14" spans="1:17">
      <c r="A14" s="109"/>
      <c r="B14" s="109"/>
      <c r="C14" s="109"/>
      <c r="D14" s="109"/>
      <c r="E14" s="109"/>
      <c r="J14" s="22"/>
      <c r="K14" s="22"/>
      <c r="L14" s="22"/>
      <c r="M14" s="22"/>
      <c r="N14" s="22"/>
      <c r="O14" s="22"/>
    </row>
    <row r="15" spans="1:17">
      <c r="A15" s="109"/>
      <c r="B15" s="109"/>
      <c r="C15" s="109"/>
      <c r="D15" s="109"/>
      <c r="E15" s="109"/>
    </row>
  </sheetData>
  <mergeCells count="8">
    <mergeCell ref="A13:E15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9"/>
  <dimension ref="A1:S14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3" width="9" style="18" customWidth="1"/>
    <col min="4" max="5" width="9.5" style="18" bestFit="1" customWidth="1"/>
    <col min="6" max="7" width="9" style="18" customWidth="1"/>
    <col min="8" max="16384" width="9" style="18"/>
  </cols>
  <sheetData>
    <row r="1" spans="1:19">
      <c r="A1" s="70" t="s">
        <v>556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608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212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8" t="s">
        <v>43</v>
      </c>
      <c r="B5" s="20">
        <v>399</v>
      </c>
      <c r="C5" s="20">
        <v>1307</v>
      </c>
      <c r="D5" s="20">
        <v>1732</v>
      </c>
      <c r="E5" s="20">
        <v>2215</v>
      </c>
      <c r="F5" s="20">
        <v>14</v>
      </c>
      <c r="G5" s="20">
        <v>5667</v>
      </c>
    </row>
    <row r="6" spans="1:19">
      <c r="A6" s="77"/>
      <c r="B6" s="21">
        <v>7.0000000000000007E-2</v>
      </c>
      <c r="C6" s="21">
        <v>0.23100000000000001</v>
      </c>
      <c r="D6" s="21">
        <v>0.30599999999999999</v>
      </c>
      <c r="E6" s="21">
        <v>0.39100000000000001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44</v>
      </c>
      <c r="B7" s="24">
        <v>35</v>
      </c>
      <c r="C7" s="24">
        <v>115</v>
      </c>
      <c r="D7" s="24">
        <v>96</v>
      </c>
      <c r="E7" s="24">
        <v>140</v>
      </c>
      <c r="F7" s="24">
        <v>0</v>
      </c>
      <c r="G7" s="20">
        <v>386</v>
      </c>
      <c r="L7" s="22"/>
      <c r="M7" s="22"/>
      <c r="N7" s="22"/>
      <c r="O7" s="22"/>
      <c r="P7" s="22"/>
    </row>
    <row r="8" spans="1:19">
      <c r="A8" s="79"/>
      <c r="B8" s="21">
        <v>9.0999999999999998E-2</v>
      </c>
      <c r="C8" s="21">
        <v>0.29799999999999999</v>
      </c>
      <c r="D8" s="21">
        <v>0.249</v>
      </c>
      <c r="E8" s="21">
        <v>0.36299999999999999</v>
      </c>
      <c r="F8" s="21">
        <v>0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1</v>
      </c>
      <c r="C9" s="24">
        <v>2</v>
      </c>
      <c r="D9" s="24">
        <v>3</v>
      </c>
      <c r="E9" s="24">
        <v>6</v>
      </c>
      <c r="F9" s="24">
        <v>5</v>
      </c>
      <c r="G9" s="24">
        <v>17</v>
      </c>
    </row>
    <row r="10" spans="1:19">
      <c r="A10" s="99"/>
      <c r="B10" s="21">
        <v>5.8999999999999997E-2</v>
      </c>
      <c r="C10" s="21">
        <v>0.11799999999999999</v>
      </c>
      <c r="D10" s="21">
        <v>0.17599999999999999</v>
      </c>
      <c r="E10" s="21">
        <v>0.35299999999999998</v>
      </c>
      <c r="F10" s="21">
        <v>0.29399999999999998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435</v>
      </c>
      <c r="C11" s="20">
        <v>1424</v>
      </c>
      <c r="D11" s="20">
        <v>1831</v>
      </c>
      <c r="E11" s="20">
        <v>2361</v>
      </c>
      <c r="F11" s="20">
        <v>19</v>
      </c>
      <c r="G11" s="20">
        <v>6070</v>
      </c>
    </row>
    <row r="12" spans="1:19">
      <c r="A12" s="74"/>
      <c r="B12" s="21">
        <v>7.1999999999999995E-2</v>
      </c>
      <c r="C12" s="21">
        <v>0.23499999999999999</v>
      </c>
      <c r="D12" s="21">
        <v>0.30199999999999999</v>
      </c>
      <c r="E12" s="21">
        <v>0.38900000000000001</v>
      </c>
      <c r="F12" s="21">
        <v>3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0" t="s">
        <v>217</v>
      </c>
      <c r="B13" s="98"/>
      <c r="C13" s="98"/>
      <c r="D13" s="98"/>
      <c r="E13" s="98"/>
      <c r="F13" s="98"/>
      <c r="G13" s="98"/>
      <c r="L13" s="22"/>
      <c r="M13" s="22"/>
      <c r="N13" s="22"/>
      <c r="O13" s="22"/>
      <c r="P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0"/>
  <dimension ref="A1:R14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2" width="9" style="18" customWidth="1"/>
    <col min="3" max="3" width="9.5" style="18" bestFit="1" customWidth="1"/>
    <col min="4" max="6" width="9" style="18" customWidth="1"/>
    <col min="7" max="16384" width="9" style="18"/>
  </cols>
  <sheetData>
    <row r="1" spans="1:18">
      <c r="A1" s="70" t="s">
        <v>557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610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226</v>
      </c>
      <c r="D4" s="11" t="s">
        <v>44</v>
      </c>
      <c r="E4" s="11" t="s">
        <v>22</v>
      </c>
      <c r="F4" s="11" t="s">
        <v>15</v>
      </c>
    </row>
    <row r="5" spans="1:18">
      <c r="A5" s="78" t="s">
        <v>43</v>
      </c>
      <c r="B5" s="20">
        <v>560</v>
      </c>
      <c r="C5" s="20">
        <v>1055</v>
      </c>
      <c r="D5" s="20">
        <v>4025</v>
      </c>
      <c r="E5" s="20">
        <v>27</v>
      </c>
      <c r="F5" s="20">
        <v>5667</v>
      </c>
    </row>
    <row r="6" spans="1:18">
      <c r="A6" s="77"/>
      <c r="B6" s="21">
        <v>9.9000000000000005E-2</v>
      </c>
      <c r="C6" s="21">
        <v>0.186</v>
      </c>
      <c r="D6" s="21">
        <v>0.71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44</v>
      </c>
      <c r="B7" s="24">
        <v>31</v>
      </c>
      <c r="C7" s="24">
        <v>67</v>
      </c>
      <c r="D7" s="24">
        <v>286</v>
      </c>
      <c r="E7" s="24">
        <v>2</v>
      </c>
      <c r="F7" s="20">
        <v>386</v>
      </c>
      <c r="K7" s="22"/>
      <c r="L7" s="22"/>
      <c r="M7" s="22"/>
      <c r="N7" s="22"/>
      <c r="O7" s="22"/>
    </row>
    <row r="8" spans="1:18">
      <c r="A8" s="79"/>
      <c r="B8" s="21">
        <v>0.08</v>
      </c>
      <c r="C8" s="21">
        <v>0.17399999999999999</v>
      </c>
      <c r="D8" s="21">
        <v>0.74099999999999999</v>
      </c>
      <c r="E8" s="21">
        <v>5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2</v>
      </c>
      <c r="C9" s="24">
        <v>1</v>
      </c>
      <c r="D9" s="24">
        <v>9</v>
      </c>
      <c r="E9" s="24">
        <v>5</v>
      </c>
      <c r="F9" s="24">
        <v>17</v>
      </c>
    </row>
    <row r="10" spans="1:18">
      <c r="A10" s="99"/>
      <c r="B10" s="21">
        <v>0.11799999999999999</v>
      </c>
      <c r="C10" s="21">
        <v>5.8999999999999997E-2</v>
      </c>
      <c r="D10" s="21">
        <v>0.52900000000000003</v>
      </c>
      <c r="E10" s="21">
        <v>0.29399999999999998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593</v>
      </c>
      <c r="C11" s="20">
        <v>1123</v>
      </c>
      <c r="D11" s="20">
        <v>4320</v>
      </c>
      <c r="E11" s="20">
        <v>34</v>
      </c>
      <c r="F11" s="20">
        <v>6070</v>
      </c>
    </row>
    <row r="12" spans="1:18">
      <c r="A12" s="74"/>
      <c r="B12" s="21">
        <v>9.8000000000000004E-2</v>
      </c>
      <c r="C12" s="21">
        <v>0.185</v>
      </c>
      <c r="D12" s="21">
        <v>0.71199999999999997</v>
      </c>
      <c r="E12" s="21">
        <v>6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80" t="s">
        <v>227</v>
      </c>
      <c r="B13" s="80"/>
      <c r="C13" s="80"/>
      <c r="D13" s="80"/>
      <c r="E13" s="80"/>
      <c r="F13" s="80"/>
      <c r="K13" s="22"/>
      <c r="L13" s="22"/>
      <c r="M13" s="22"/>
      <c r="N13" s="22"/>
      <c r="O13" s="22"/>
    </row>
    <row r="14" spans="1:18">
      <c r="A14" s="108"/>
      <c r="B14" s="108"/>
      <c r="C14" s="108"/>
      <c r="D14" s="108"/>
      <c r="E14" s="108"/>
      <c r="F14" s="108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1"/>
  <dimension ref="A1:R14"/>
  <sheetViews>
    <sheetView workbookViewId="0">
      <selection activeCell="A2" sqref="A2"/>
    </sheetView>
  </sheetViews>
  <sheetFormatPr defaultColWidth="9" defaultRowHeight="14.25"/>
  <cols>
    <col min="1" max="1" width="18.875" style="18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58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610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8" t="s">
        <v>43</v>
      </c>
      <c r="B5" s="20">
        <v>2392</v>
      </c>
      <c r="C5" s="20">
        <v>2409</v>
      </c>
      <c r="D5" s="20">
        <v>858</v>
      </c>
      <c r="E5" s="20">
        <v>8</v>
      </c>
      <c r="F5" s="20">
        <v>5667</v>
      </c>
    </row>
    <row r="6" spans="1:18">
      <c r="A6" s="77"/>
      <c r="B6" s="21">
        <v>0.42199999999999999</v>
      </c>
      <c r="C6" s="21">
        <v>0.42499999999999999</v>
      </c>
      <c r="D6" s="21">
        <v>0.151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44</v>
      </c>
      <c r="B7" s="24">
        <v>59</v>
      </c>
      <c r="C7" s="24">
        <v>252</v>
      </c>
      <c r="D7" s="24">
        <v>75</v>
      </c>
      <c r="E7" s="24">
        <v>0</v>
      </c>
      <c r="F7" s="20">
        <v>386</v>
      </c>
      <c r="K7" s="22"/>
      <c r="L7" s="22"/>
      <c r="M7" s="22"/>
      <c r="N7" s="22"/>
      <c r="O7" s="22"/>
    </row>
    <row r="8" spans="1:18">
      <c r="A8" s="79"/>
      <c r="B8" s="21">
        <v>0.153</v>
      </c>
      <c r="C8" s="21">
        <v>0.65300000000000002</v>
      </c>
      <c r="D8" s="21">
        <v>0.19400000000000001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95" t="s">
        <v>22</v>
      </c>
      <c r="B9" s="24">
        <v>6</v>
      </c>
      <c r="C9" s="24">
        <v>5</v>
      </c>
      <c r="D9" s="24">
        <v>1</v>
      </c>
      <c r="E9" s="24">
        <v>5</v>
      </c>
      <c r="F9" s="24">
        <v>17</v>
      </c>
    </row>
    <row r="10" spans="1:18">
      <c r="A10" s="99"/>
      <c r="B10" s="21">
        <v>0.35299999999999998</v>
      </c>
      <c r="C10" s="21">
        <v>0.29399999999999998</v>
      </c>
      <c r="D10" s="21">
        <v>5.8999999999999997E-2</v>
      </c>
      <c r="E10" s="21">
        <v>0.29399999999999998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2457</v>
      </c>
      <c r="C11" s="20">
        <v>2666</v>
      </c>
      <c r="D11" s="20">
        <v>934</v>
      </c>
      <c r="E11" s="20">
        <v>13</v>
      </c>
      <c r="F11" s="20">
        <v>6070</v>
      </c>
    </row>
    <row r="12" spans="1:18">
      <c r="A12" s="74"/>
      <c r="B12" s="21">
        <v>0.40500000000000003</v>
      </c>
      <c r="C12" s="21">
        <v>0.439</v>
      </c>
      <c r="D12" s="21">
        <v>0.154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80" t="s">
        <v>261</v>
      </c>
      <c r="B13" s="98"/>
      <c r="C13" s="98"/>
      <c r="D13" s="98"/>
      <c r="E13" s="98"/>
      <c r="F13" s="98"/>
      <c r="K13" s="22"/>
      <c r="L13" s="22"/>
      <c r="M13" s="22"/>
      <c r="N13" s="22"/>
      <c r="O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2"/>
  <dimension ref="A1:S14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59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608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8" t="s">
        <v>43</v>
      </c>
      <c r="B5" s="20">
        <v>1078</v>
      </c>
      <c r="C5" s="20">
        <v>501</v>
      </c>
      <c r="D5" s="20">
        <v>84</v>
      </c>
      <c r="E5" s="20">
        <v>724</v>
      </c>
      <c r="F5" s="20">
        <v>5</v>
      </c>
      <c r="G5" s="20">
        <v>2392</v>
      </c>
    </row>
    <row r="6" spans="1:19">
      <c r="A6" s="77"/>
      <c r="B6" s="21">
        <v>0.45100000000000001</v>
      </c>
      <c r="C6" s="21">
        <v>0.20899999999999999</v>
      </c>
      <c r="D6" s="21">
        <v>3.5000000000000003E-2</v>
      </c>
      <c r="E6" s="21">
        <v>0.30299999999999999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44</v>
      </c>
      <c r="B7" s="24">
        <v>26</v>
      </c>
      <c r="C7" s="24">
        <v>10</v>
      </c>
      <c r="D7" s="24">
        <v>0</v>
      </c>
      <c r="E7" s="24">
        <v>22</v>
      </c>
      <c r="F7" s="24">
        <v>1</v>
      </c>
      <c r="G7" s="20">
        <v>59</v>
      </c>
      <c r="L7" s="22"/>
      <c r="M7" s="22"/>
      <c r="N7" s="22"/>
      <c r="O7" s="22"/>
      <c r="P7" s="22"/>
    </row>
    <row r="8" spans="1:19">
      <c r="A8" s="79"/>
      <c r="B8" s="21">
        <v>0.441</v>
      </c>
      <c r="C8" s="21">
        <v>0.16900000000000001</v>
      </c>
      <c r="D8" s="21">
        <v>0</v>
      </c>
      <c r="E8" s="21">
        <v>0.373</v>
      </c>
      <c r="F8" s="21">
        <v>1.7000000000000001E-2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95" t="s">
        <v>22</v>
      </c>
      <c r="B9" s="24">
        <v>1</v>
      </c>
      <c r="C9" s="24">
        <v>1</v>
      </c>
      <c r="D9" s="24">
        <v>0</v>
      </c>
      <c r="E9" s="24">
        <v>4</v>
      </c>
      <c r="F9" s="24">
        <v>0</v>
      </c>
      <c r="G9" s="24">
        <v>6</v>
      </c>
    </row>
    <row r="10" spans="1:19">
      <c r="A10" s="99"/>
      <c r="B10" s="21">
        <v>0.16700000000000001</v>
      </c>
      <c r="C10" s="21">
        <v>0.16700000000000001</v>
      </c>
      <c r="D10" s="21">
        <v>0</v>
      </c>
      <c r="E10" s="21">
        <v>0.66700000000000004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1105</v>
      </c>
      <c r="C11" s="20">
        <v>512</v>
      </c>
      <c r="D11" s="20">
        <v>84</v>
      </c>
      <c r="E11" s="20">
        <v>750</v>
      </c>
      <c r="F11" s="20">
        <v>6</v>
      </c>
      <c r="G11" s="20">
        <v>2457</v>
      </c>
    </row>
    <row r="12" spans="1:19">
      <c r="A12" s="74"/>
      <c r="B12" s="21">
        <v>0.45</v>
      </c>
      <c r="C12" s="21">
        <v>0.20799999999999999</v>
      </c>
      <c r="D12" s="21">
        <v>3.4000000000000002E-2</v>
      </c>
      <c r="E12" s="21">
        <v>0.30499999999999999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0" t="s">
        <v>218</v>
      </c>
      <c r="B13" s="98"/>
      <c r="C13" s="98"/>
      <c r="D13" s="98"/>
      <c r="E13" s="98"/>
      <c r="F13" s="98"/>
      <c r="G13" s="98"/>
      <c r="L13" s="22"/>
      <c r="M13" s="22"/>
      <c r="N13" s="22"/>
      <c r="O13" s="22"/>
      <c r="P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3"/>
  <dimension ref="A1:R49"/>
  <sheetViews>
    <sheetView workbookViewId="0">
      <selection activeCell="A2" sqref="A2"/>
    </sheetView>
  </sheetViews>
  <sheetFormatPr defaultColWidth="9" defaultRowHeight="14.25"/>
  <cols>
    <col min="1" max="1" width="25" style="18" customWidth="1"/>
    <col min="2" max="2" width="7.5" style="54" customWidth="1"/>
    <col min="3" max="6" width="9" style="18" customWidth="1"/>
    <col min="7" max="10" width="9" style="18"/>
    <col min="11" max="11" width="10.75" style="18" bestFit="1" customWidth="1"/>
    <col min="12" max="12" width="9.75" style="18" bestFit="1" customWidth="1"/>
    <col min="13" max="13" width="9.125" style="18" bestFit="1" customWidth="1"/>
    <col min="14" max="14" width="10.75" style="18" bestFit="1" customWidth="1"/>
    <col min="15" max="16384" width="9" style="18"/>
  </cols>
  <sheetData>
    <row r="1" spans="1:18">
      <c r="A1" s="120" t="s">
        <v>560</v>
      </c>
      <c r="B1" s="120"/>
      <c r="C1" s="120"/>
      <c r="D1" s="120"/>
      <c r="E1" s="120"/>
      <c r="F1" s="120"/>
    </row>
    <row r="2" spans="1:18">
      <c r="A2" s="121" t="s">
        <v>613</v>
      </c>
      <c r="B2" s="57"/>
      <c r="C2" s="42"/>
      <c r="D2" s="42"/>
      <c r="E2" s="42"/>
      <c r="F2" s="42"/>
    </row>
    <row r="3" spans="1:18">
      <c r="A3" s="84" t="s">
        <v>177</v>
      </c>
      <c r="B3" s="84"/>
      <c r="C3" s="76" t="s">
        <v>124</v>
      </c>
      <c r="D3" s="76"/>
      <c r="E3" s="76"/>
      <c r="F3" s="76"/>
    </row>
    <row r="4" spans="1:18" ht="28.5">
      <c r="A4" s="84"/>
      <c r="B4" s="84"/>
      <c r="C4" s="11" t="s">
        <v>193</v>
      </c>
      <c r="D4" s="11" t="s">
        <v>194</v>
      </c>
      <c r="E4" s="11" t="s">
        <v>22</v>
      </c>
      <c r="F4" s="11" t="s">
        <v>15</v>
      </c>
    </row>
    <row r="5" spans="1:18">
      <c r="A5" s="95" t="s">
        <v>299</v>
      </c>
      <c r="B5" s="116" t="s">
        <v>180</v>
      </c>
      <c r="C5" s="20">
        <v>718</v>
      </c>
      <c r="D5" s="20">
        <v>806</v>
      </c>
      <c r="E5" s="20">
        <v>4</v>
      </c>
      <c r="F5" s="20">
        <v>1528</v>
      </c>
    </row>
    <row r="6" spans="1:18" s="26" customFormat="1">
      <c r="A6" s="102"/>
      <c r="B6" s="117"/>
      <c r="C6" s="21">
        <v>0.47</v>
      </c>
      <c r="D6" s="21">
        <v>0.52700000000000002</v>
      </c>
      <c r="E6" s="21">
        <v>3.0000000000000001E-3</v>
      </c>
      <c r="F6" s="21">
        <v>1</v>
      </c>
    </row>
    <row r="7" spans="1:18">
      <c r="A7" s="102"/>
      <c r="B7" s="118" t="s">
        <v>181</v>
      </c>
      <c r="C7" s="20">
        <v>3223</v>
      </c>
      <c r="D7" s="20">
        <v>906</v>
      </c>
      <c r="E7" s="20">
        <v>10</v>
      </c>
      <c r="F7" s="20">
        <v>4139</v>
      </c>
      <c r="K7" s="22"/>
      <c r="L7" s="22"/>
      <c r="M7" s="22"/>
      <c r="N7" s="22"/>
      <c r="O7" s="22"/>
      <c r="P7" s="22"/>
      <c r="Q7" s="22"/>
      <c r="R7" s="22"/>
    </row>
    <row r="8" spans="1:18">
      <c r="A8" s="99"/>
      <c r="B8" s="119"/>
      <c r="C8" s="21">
        <v>0.77900000000000003</v>
      </c>
      <c r="D8" s="21">
        <v>0.219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87" t="s">
        <v>178</v>
      </c>
      <c r="B9" s="116" t="s">
        <v>180</v>
      </c>
      <c r="C9" s="20">
        <v>2534</v>
      </c>
      <c r="D9" s="20">
        <v>603</v>
      </c>
      <c r="E9" s="20">
        <v>11</v>
      </c>
      <c r="F9" s="20">
        <v>3148</v>
      </c>
      <c r="K9" s="22"/>
      <c r="L9" s="22"/>
      <c r="M9" s="22"/>
      <c r="N9" s="22"/>
      <c r="O9" s="22"/>
    </row>
    <row r="10" spans="1:18">
      <c r="A10" s="103"/>
      <c r="B10" s="117"/>
      <c r="C10" s="21">
        <v>0.80500000000000005</v>
      </c>
      <c r="D10" s="21">
        <v>0.192</v>
      </c>
      <c r="E10" s="21">
        <v>3.0000000000000001E-3</v>
      </c>
      <c r="F10" s="21">
        <v>1</v>
      </c>
      <c r="K10" s="22"/>
      <c r="L10" s="22"/>
      <c r="M10" s="22"/>
      <c r="N10" s="22"/>
      <c r="O10" s="22"/>
    </row>
    <row r="11" spans="1:18">
      <c r="A11" s="103"/>
      <c r="B11" s="118" t="s">
        <v>181</v>
      </c>
      <c r="C11" s="20">
        <v>1407</v>
      </c>
      <c r="D11" s="20">
        <v>1109</v>
      </c>
      <c r="E11" s="20">
        <v>3</v>
      </c>
      <c r="F11" s="20">
        <v>2519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88"/>
      <c r="B12" s="119"/>
      <c r="C12" s="21">
        <v>0.55900000000000005</v>
      </c>
      <c r="D12" s="21">
        <v>0.44</v>
      </c>
      <c r="E12" s="21">
        <v>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87" t="s">
        <v>168</v>
      </c>
      <c r="B13" s="116" t="s">
        <v>180</v>
      </c>
      <c r="C13" s="20">
        <v>595</v>
      </c>
      <c r="D13" s="20">
        <v>110</v>
      </c>
      <c r="E13" s="20">
        <v>1</v>
      </c>
      <c r="F13" s="20">
        <v>706</v>
      </c>
      <c r="K13" s="22"/>
      <c r="L13" s="22"/>
      <c r="M13" s="22"/>
      <c r="N13" s="22"/>
      <c r="O13" s="22"/>
      <c r="P13" s="22"/>
      <c r="Q13" s="22"/>
      <c r="R13" s="22"/>
    </row>
    <row r="14" spans="1:18">
      <c r="A14" s="103"/>
      <c r="B14" s="117"/>
      <c r="C14" s="21">
        <v>0.84299999999999997</v>
      </c>
      <c r="D14" s="21">
        <v>0.156</v>
      </c>
      <c r="E14" s="21">
        <v>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103"/>
      <c r="B15" s="118" t="s">
        <v>181</v>
      </c>
      <c r="C15" s="20">
        <v>3346</v>
      </c>
      <c r="D15" s="20">
        <v>1602</v>
      </c>
      <c r="E15" s="20">
        <v>13</v>
      </c>
      <c r="F15" s="20">
        <v>4961</v>
      </c>
      <c r="K15" s="22"/>
      <c r="L15" s="22"/>
      <c r="M15" s="22"/>
      <c r="N15" s="22"/>
      <c r="O15" s="22"/>
      <c r="P15" s="22"/>
      <c r="Q15" s="22"/>
      <c r="R15" s="22"/>
    </row>
    <row r="16" spans="1:18">
      <c r="A16" s="88"/>
      <c r="B16" s="119"/>
      <c r="C16" s="21">
        <v>0.67400000000000004</v>
      </c>
      <c r="D16" s="21">
        <v>0.32300000000000001</v>
      </c>
      <c r="E16" s="21">
        <v>3.0000000000000001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>
      <c r="A17" s="87" t="s">
        <v>175</v>
      </c>
      <c r="B17" s="116" t="s">
        <v>180</v>
      </c>
      <c r="C17" s="20">
        <v>1097</v>
      </c>
      <c r="D17" s="20">
        <v>149</v>
      </c>
      <c r="E17" s="20">
        <v>3</v>
      </c>
      <c r="F17" s="20">
        <v>1249</v>
      </c>
      <c r="K17" s="22"/>
      <c r="L17" s="22"/>
      <c r="M17" s="22"/>
      <c r="N17" s="22"/>
      <c r="O17" s="22"/>
      <c r="P17" s="22"/>
      <c r="Q17" s="22"/>
      <c r="R17" s="22"/>
    </row>
    <row r="18" spans="1:18">
      <c r="A18" s="103"/>
      <c r="B18" s="117"/>
      <c r="C18" s="21">
        <v>0.878</v>
      </c>
      <c r="D18" s="21">
        <v>0.11899999999999999</v>
      </c>
      <c r="E18" s="21">
        <v>2E-3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>
      <c r="A19" s="103"/>
      <c r="B19" s="118" t="s">
        <v>181</v>
      </c>
      <c r="C19" s="20">
        <v>2844</v>
      </c>
      <c r="D19" s="20">
        <v>1563</v>
      </c>
      <c r="E19" s="20">
        <v>11</v>
      </c>
      <c r="F19" s="20">
        <v>4418</v>
      </c>
      <c r="K19" s="22"/>
      <c r="L19" s="22"/>
      <c r="M19" s="22"/>
      <c r="N19" s="22"/>
      <c r="O19" s="22"/>
      <c r="P19" s="22"/>
      <c r="Q19" s="22"/>
      <c r="R19" s="22"/>
    </row>
    <row r="20" spans="1:18">
      <c r="A20" s="88"/>
      <c r="B20" s="119"/>
      <c r="C20" s="21">
        <v>0.64400000000000002</v>
      </c>
      <c r="D20" s="21">
        <v>0.35399999999999998</v>
      </c>
      <c r="E20" s="21">
        <v>2E-3</v>
      </c>
      <c r="F20" s="21">
        <v>1</v>
      </c>
      <c r="K20" s="22"/>
      <c r="L20" s="22"/>
      <c r="M20" s="22"/>
      <c r="N20" s="22"/>
      <c r="O20" s="22"/>
      <c r="P20" s="22"/>
      <c r="Q20" s="22"/>
      <c r="R20" s="22"/>
    </row>
    <row r="21" spans="1:18">
      <c r="A21" s="87" t="s">
        <v>176</v>
      </c>
      <c r="B21" s="116" t="s">
        <v>180</v>
      </c>
      <c r="C21" s="20">
        <v>73</v>
      </c>
      <c r="D21" s="20">
        <v>8</v>
      </c>
      <c r="E21" s="20">
        <v>0</v>
      </c>
      <c r="F21" s="20">
        <v>81</v>
      </c>
      <c r="K21" s="22"/>
      <c r="L21" s="22"/>
      <c r="M21" s="22"/>
      <c r="N21" s="22"/>
      <c r="O21" s="22"/>
      <c r="P21" s="22"/>
      <c r="Q21" s="22"/>
      <c r="R21" s="22"/>
    </row>
    <row r="22" spans="1:18">
      <c r="A22" s="103"/>
      <c r="B22" s="117"/>
      <c r="C22" s="21">
        <v>0.90100000000000002</v>
      </c>
      <c r="D22" s="21">
        <v>9.9000000000000005E-2</v>
      </c>
      <c r="E22" s="21">
        <v>0</v>
      </c>
      <c r="F22" s="21">
        <v>1</v>
      </c>
      <c r="K22" s="22"/>
      <c r="L22" s="22"/>
      <c r="M22" s="22"/>
      <c r="N22" s="22"/>
      <c r="O22" s="22"/>
      <c r="P22" s="22"/>
      <c r="Q22" s="22"/>
      <c r="R22" s="22"/>
    </row>
    <row r="23" spans="1:18">
      <c r="A23" s="103"/>
      <c r="B23" s="118" t="s">
        <v>181</v>
      </c>
      <c r="C23" s="20">
        <v>3868</v>
      </c>
      <c r="D23" s="20">
        <v>1704</v>
      </c>
      <c r="E23" s="20">
        <v>14</v>
      </c>
      <c r="F23" s="20">
        <v>5586</v>
      </c>
      <c r="K23" s="22"/>
      <c r="L23" s="22"/>
      <c r="M23" s="22"/>
      <c r="N23" s="22"/>
      <c r="O23" s="22"/>
      <c r="P23" s="22"/>
      <c r="Q23" s="22"/>
      <c r="R23" s="22"/>
    </row>
    <row r="24" spans="1:18">
      <c r="A24" s="88"/>
      <c r="B24" s="119"/>
      <c r="C24" s="21">
        <v>0.69199999999999995</v>
      </c>
      <c r="D24" s="21">
        <v>0.30499999999999999</v>
      </c>
      <c r="E24" s="21">
        <v>3.0000000000000001E-3</v>
      </c>
      <c r="F24" s="21">
        <v>1</v>
      </c>
      <c r="K24" s="22"/>
      <c r="L24" s="22"/>
      <c r="M24" s="22"/>
      <c r="N24" s="22"/>
      <c r="O24" s="22"/>
      <c r="P24" s="22"/>
      <c r="Q24" s="22"/>
      <c r="R24" s="22"/>
    </row>
    <row r="25" spans="1:18">
      <c r="A25" s="87" t="s">
        <v>169</v>
      </c>
      <c r="B25" s="116" t="s">
        <v>180</v>
      </c>
      <c r="C25" s="20">
        <v>272</v>
      </c>
      <c r="D25" s="20">
        <v>30</v>
      </c>
      <c r="E25" s="20">
        <v>1</v>
      </c>
      <c r="F25" s="20">
        <v>303</v>
      </c>
      <c r="K25" s="22"/>
      <c r="L25" s="22"/>
      <c r="M25" s="22"/>
      <c r="N25" s="22"/>
      <c r="O25" s="22"/>
      <c r="P25" s="22"/>
      <c r="Q25" s="22"/>
      <c r="R25" s="22"/>
    </row>
    <row r="26" spans="1:18">
      <c r="A26" s="103"/>
      <c r="B26" s="117"/>
      <c r="C26" s="21">
        <v>0.89800000000000002</v>
      </c>
      <c r="D26" s="21">
        <v>9.9000000000000005E-2</v>
      </c>
      <c r="E26" s="21">
        <v>3.0000000000000001E-3</v>
      </c>
      <c r="F26" s="21">
        <v>1</v>
      </c>
      <c r="K26" s="22"/>
      <c r="L26" s="22"/>
      <c r="M26" s="22"/>
      <c r="N26" s="22"/>
      <c r="O26" s="22"/>
      <c r="P26" s="22"/>
      <c r="Q26" s="22"/>
      <c r="R26" s="22"/>
    </row>
    <row r="27" spans="1:18">
      <c r="A27" s="103"/>
      <c r="B27" s="118" t="s">
        <v>181</v>
      </c>
      <c r="C27" s="20">
        <v>3669</v>
      </c>
      <c r="D27" s="20">
        <v>1682</v>
      </c>
      <c r="E27" s="20">
        <v>13</v>
      </c>
      <c r="F27" s="20">
        <v>5364</v>
      </c>
      <c r="K27" s="22"/>
      <c r="L27" s="22"/>
      <c r="M27" s="22"/>
      <c r="N27" s="22"/>
      <c r="O27" s="22"/>
      <c r="P27" s="22"/>
      <c r="Q27" s="22"/>
      <c r="R27" s="22"/>
    </row>
    <row r="28" spans="1:18">
      <c r="A28" s="88"/>
      <c r="B28" s="119"/>
      <c r="C28" s="21">
        <v>0.68400000000000005</v>
      </c>
      <c r="D28" s="21">
        <v>0.314</v>
      </c>
      <c r="E28" s="21">
        <v>2E-3</v>
      </c>
      <c r="F28" s="21">
        <v>1</v>
      </c>
      <c r="K28" s="22"/>
      <c r="L28" s="22"/>
      <c r="M28" s="22"/>
      <c r="N28" s="22"/>
      <c r="O28" s="22"/>
      <c r="P28" s="22"/>
      <c r="Q28" s="22"/>
      <c r="R28" s="22"/>
    </row>
    <row r="29" spans="1:18">
      <c r="A29" s="15" t="s">
        <v>170</v>
      </c>
      <c r="B29" s="116" t="s">
        <v>180</v>
      </c>
      <c r="C29" s="20">
        <v>829</v>
      </c>
      <c r="D29" s="20">
        <v>261</v>
      </c>
      <c r="E29" s="20">
        <v>3</v>
      </c>
      <c r="F29" s="20">
        <v>1093</v>
      </c>
      <c r="K29" s="22"/>
      <c r="L29" s="22"/>
      <c r="M29" s="22"/>
      <c r="N29" s="22"/>
      <c r="O29" s="22"/>
      <c r="P29" s="22"/>
      <c r="Q29" s="22"/>
      <c r="R29" s="22"/>
    </row>
    <row r="30" spans="1:18">
      <c r="A30" s="16"/>
      <c r="B30" s="117"/>
      <c r="C30" s="21">
        <v>0.75800000000000001</v>
      </c>
      <c r="D30" s="21">
        <v>0.23899999999999999</v>
      </c>
      <c r="E30" s="21">
        <v>3.0000000000000001E-3</v>
      </c>
      <c r="F30" s="21">
        <v>1</v>
      </c>
      <c r="K30" s="22"/>
      <c r="L30" s="22"/>
      <c r="M30" s="22"/>
      <c r="N30" s="22"/>
      <c r="O30" s="22"/>
      <c r="P30" s="22"/>
      <c r="Q30" s="22"/>
      <c r="R30" s="22"/>
    </row>
    <row r="31" spans="1:18">
      <c r="A31" s="19"/>
      <c r="B31" s="118" t="s">
        <v>181</v>
      </c>
      <c r="C31" s="20">
        <v>3112</v>
      </c>
      <c r="D31" s="20">
        <v>1451</v>
      </c>
      <c r="E31" s="20">
        <v>11</v>
      </c>
      <c r="F31" s="20">
        <v>4574</v>
      </c>
      <c r="K31" s="22"/>
      <c r="L31" s="22"/>
      <c r="M31" s="22"/>
      <c r="N31" s="22"/>
      <c r="O31" s="22"/>
      <c r="P31" s="22"/>
      <c r="Q31" s="22"/>
      <c r="R31" s="22"/>
    </row>
    <row r="32" spans="1:18">
      <c r="A32" s="17"/>
      <c r="B32" s="119"/>
      <c r="C32" s="21">
        <v>0.68</v>
      </c>
      <c r="D32" s="21">
        <v>0.317</v>
      </c>
      <c r="E32" s="21">
        <v>2E-3</v>
      </c>
      <c r="F32" s="21">
        <v>1</v>
      </c>
      <c r="K32" s="22"/>
      <c r="L32" s="22"/>
      <c r="M32" s="22"/>
      <c r="N32" s="22"/>
      <c r="O32" s="22"/>
      <c r="P32" s="22"/>
      <c r="Q32" s="22"/>
      <c r="R32" s="22"/>
    </row>
    <row r="33" spans="1:18">
      <c r="A33" s="87" t="s">
        <v>171</v>
      </c>
      <c r="B33" s="116" t="s">
        <v>180</v>
      </c>
      <c r="C33" s="20">
        <v>132</v>
      </c>
      <c r="D33" s="20">
        <v>54</v>
      </c>
      <c r="E33" s="20">
        <v>1</v>
      </c>
      <c r="F33" s="20">
        <v>187</v>
      </c>
      <c r="K33" s="22"/>
      <c r="L33" s="22"/>
      <c r="M33" s="22"/>
      <c r="N33" s="22"/>
      <c r="O33" s="22"/>
      <c r="P33" s="22"/>
      <c r="Q33" s="22"/>
      <c r="R33" s="22"/>
    </row>
    <row r="34" spans="1:18">
      <c r="A34" s="103"/>
      <c r="B34" s="117"/>
      <c r="C34" s="21">
        <v>0.70599999999999996</v>
      </c>
      <c r="D34" s="21">
        <v>0.28899999999999998</v>
      </c>
      <c r="E34" s="21">
        <v>5.0000000000000001E-3</v>
      </c>
      <c r="F34" s="21">
        <v>1</v>
      </c>
      <c r="K34" s="22"/>
      <c r="L34" s="22"/>
      <c r="M34" s="22"/>
      <c r="N34" s="22"/>
      <c r="O34" s="22"/>
      <c r="P34" s="22"/>
      <c r="Q34" s="22"/>
      <c r="R34" s="22"/>
    </row>
    <row r="35" spans="1:18">
      <c r="A35" s="103"/>
      <c r="B35" s="118" t="s">
        <v>181</v>
      </c>
      <c r="C35" s="20">
        <v>3809</v>
      </c>
      <c r="D35" s="20">
        <v>1658</v>
      </c>
      <c r="E35" s="20">
        <v>13</v>
      </c>
      <c r="F35" s="20">
        <v>5480</v>
      </c>
      <c r="K35" s="22"/>
      <c r="L35" s="22"/>
      <c r="M35" s="22"/>
      <c r="N35" s="22"/>
      <c r="O35" s="22"/>
      <c r="P35" s="22"/>
      <c r="Q35" s="22"/>
      <c r="R35" s="22"/>
    </row>
    <row r="36" spans="1:18">
      <c r="A36" s="88"/>
      <c r="B36" s="119"/>
      <c r="C36" s="21">
        <v>0.69499999999999995</v>
      </c>
      <c r="D36" s="21">
        <v>0.30299999999999999</v>
      </c>
      <c r="E36" s="21">
        <v>2E-3</v>
      </c>
      <c r="F36" s="21">
        <v>1</v>
      </c>
      <c r="K36" s="22"/>
      <c r="L36" s="22"/>
      <c r="M36" s="22"/>
      <c r="N36" s="22"/>
      <c r="O36" s="22"/>
      <c r="P36" s="22"/>
      <c r="Q36" s="22"/>
      <c r="R36" s="22"/>
    </row>
    <row r="37" spans="1:18">
      <c r="A37" s="87" t="s">
        <v>172</v>
      </c>
      <c r="B37" s="116" t="s">
        <v>180</v>
      </c>
      <c r="C37" s="20">
        <v>758</v>
      </c>
      <c r="D37" s="20">
        <v>90</v>
      </c>
      <c r="E37" s="20">
        <v>0</v>
      </c>
      <c r="F37" s="20">
        <v>848</v>
      </c>
      <c r="K37" s="22"/>
      <c r="L37" s="22"/>
      <c r="M37" s="22"/>
      <c r="N37" s="22"/>
      <c r="O37" s="22"/>
      <c r="P37" s="22"/>
      <c r="Q37" s="22"/>
      <c r="R37" s="22"/>
    </row>
    <row r="38" spans="1:18">
      <c r="A38" s="103"/>
      <c r="B38" s="117"/>
      <c r="C38" s="21">
        <v>0.89400000000000002</v>
      </c>
      <c r="D38" s="21">
        <v>0.106</v>
      </c>
      <c r="E38" s="21">
        <v>0</v>
      </c>
      <c r="F38" s="21">
        <v>1</v>
      </c>
      <c r="K38" s="22"/>
      <c r="L38" s="22"/>
      <c r="M38" s="22"/>
      <c r="N38" s="22"/>
      <c r="O38" s="22"/>
      <c r="P38" s="22"/>
      <c r="Q38" s="22"/>
      <c r="R38" s="22"/>
    </row>
    <row r="39" spans="1:18">
      <c r="A39" s="103"/>
      <c r="B39" s="118" t="s">
        <v>181</v>
      </c>
      <c r="C39" s="20">
        <v>3183</v>
      </c>
      <c r="D39" s="20">
        <v>1622</v>
      </c>
      <c r="E39" s="20">
        <v>14</v>
      </c>
      <c r="F39" s="20">
        <v>4819</v>
      </c>
      <c r="K39" s="22"/>
      <c r="L39" s="22"/>
      <c r="M39" s="22"/>
      <c r="N39" s="22"/>
      <c r="O39" s="22"/>
      <c r="P39" s="22"/>
      <c r="Q39" s="22"/>
      <c r="R39" s="22"/>
    </row>
    <row r="40" spans="1:18">
      <c r="A40" s="88"/>
      <c r="B40" s="119"/>
      <c r="C40" s="21">
        <v>0.66100000000000003</v>
      </c>
      <c r="D40" s="21">
        <v>0.33700000000000002</v>
      </c>
      <c r="E40" s="21">
        <v>3.0000000000000001E-3</v>
      </c>
      <c r="F40" s="21">
        <v>1</v>
      </c>
      <c r="K40" s="22"/>
      <c r="L40" s="22"/>
      <c r="M40" s="22"/>
      <c r="N40" s="22"/>
      <c r="O40" s="22"/>
      <c r="P40" s="22"/>
      <c r="Q40" s="22"/>
      <c r="R40" s="22"/>
    </row>
    <row r="41" spans="1:18">
      <c r="A41" s="87" t="s">
        <v>173</v>
      </c>
      <c r="B41" s="116" t="s">
        <v>180</v>
      </c>
      <c r="C41" s="20">
        <v>97</v>
      </c>
      <c r="D41" s="20">
        <v>34</v>
      </c>
      <c r="E41" s="20">
        <v>0</v>
      </c>
      <c r="F41" s="20">
        <v>131</v>
      </c>
      <c r="K41" s="22"/>
      <c r="L41" s="22"/>
      <c r="M41" s="22"/>
      <c r="N41" s="22"/>
      <c r="O41" s="22"/>
      <c r="P41" s="22"/>
      <c r="Q41" s="22"/>
      <c r="R41" s="22"/>
    </row>
    <row r="42" spans="1:18">
      <c r="A42" s="103"/>
      <c r="B42" s="117"/>
      <c r="C42" s="21">
        <v>0.74</v>
      </c>
      <c r="D42" s="21">
        <v>0.26</v>
      </c>
      <c r="E42" s="21">
        <v>0</v>
      </c>
      <c r="F42" s="21">
        <v>1</v>
      </c>
      <c r="K42" s="22"/>
      <c r="L42" s="22"/>
      <c r="M42" s="22"/>
      <c r="N42" s="22"/>
      <c r="O42" s="22"/>
      <c r="P42" s="22"/>
      <c r="Q42" s="22"/>
      <c r="R42" s="22"/>
    </row>
    <row r="43" spans="1:18">
      <c r="A43" s="103"/>
      <c r="B43" s="118" t="s">
        <v>181</v>
      </c>
      <c r="C43" s="20">
        <v>3844</v>
      </c>
      <c r="D43" s="20">
        <v>1678</v>
      </c>
      <c r="E43" s="20">
        <v>14</v>
      </c>
      <c r="F43" s="20">
        <v>5536</v>
      </c>
      <c r="K43" s="22"/>
      <c r="L43" s="22"/>
      <c r="M43" s="22"/>
      <c r="N43" s="22"/>
      <c r="O43" s="22"/>
      <c r="P43" s="22"/>
      <c r="Q43" s="22"/>
      <c r="R43" s="22"/>
    </row>
    <row r="44" spans="1:18">
      <c r="A44" s="88"/>
      <c r="B44" s="119"/>
      <c r="C44" s="21">
        <v>0.69399999999999995</v>
      </c>
      <c r="D44" s="21">
        <v>0.30299999999999999</v>
      </c>
      <c r="E44" s="21">
        <v>3.0000000000000001E-3</v>
      </c>
      <c r="F44" s="21">
        <v>1</v>
      </c>
      <c r="K44" s="22"/>
      <c r="L44" s="22"/>
      <c r="M44" s="22"/>
      <c r="N44" s="22"/>
      <c r="O44" s="22"/>
      <c r="P44" s="22"/>
      <c r="Q44" s="22"/>
      <c r="R44" s="22"/>
    </row>
    <row r="45" spans="1:18">
      <c r="A45" s="112" t="s">
        <v>15</v>
      </c>
      <c r="B45" s="113"/>
      <c r="C45" s="20">
        <v>3941</v>
      </c>
      <c r="D45" s="20">
        <v>1712</v>
      </c>
      <c r="E45" s="20">
        <v>14</v>
      </c>
      <c r="F45" s="20">
        <v>5667</v>
      </c>
      <c r="K45" s="22"/>
      <c r="L45" s="22"/>
      <c r="M45" s="22"/>
      <c r="N45" s="22"/>
      <c r="O45" s="22"/>
    </row>
    <row r="46" spans="1:18">
      <c r="A46" s="114"/>
      <c r="B46" s="115"/>
      <c r="C46" s="21">
        <v>0.69499999999999995</v>
      </c>
      <c r="D46" s="21">
        <v>0.30199999999999999</v>
      </c>
      <c r="E46" s="21">
        <v>2E-3</v>
      </c>
      <c r="F46" s="21">
        <v>1</v>
      </c>
      <c r="K46" s="22"/>
      <c r="L46" s="22"/>
      <c r="M46" s="22"/>
      <c r="N46" s="22"/>
      <c r="O46" s="22"/>
      <c r="P46" s="22"/>
      <c r="Q46" s="22"/>
      <c r="R46" s="22"/>
    </row>
    <row r="47" spans="1:18">
      <c r="A47" s="80" t="s">
        <v>225</v>
      </c>
      <c r="B47" s="80"/>
      <c r="C47" s="80"/>
      <c r="D47" s="80"/>
      <c r="E47" s="80"/>
      <c r="F47" s="80"/>
      <c r="K47" s="22"/>
      <c r="L47" s="22"/>
      <c r="M47" s="22"/>
      <c r="N47" s="22"/>
      <c r="O47" s="22"/>
    </row>
    <row r="48" spans="1:18">
      <c r="B48" s="14"/>
      <c r="C48" s="25"/>
      <c r="D48" s="25"/>
      <c r="E48" s="25"/>
      <c r="F48" s="25"/>
      <c r="K48" s="22"/>
      <c r="L48" s="22"/>
      <c r="M48" s="22"/>
      <c r="N48" s="22"/>
      <c r="O48" s="22"/>
      <c r="P48" s="22"/>
    </row>
    <row r="49" spans="11:14">
      <c r="K49" s="22"/>
      <c r="L49" s="22"/>
      <c r="M49" s="22"/>
      <c r="N49" s="22"/>
    </row>
  </sheetData>
  <mergeCells count="34">
    <mergeCell ref="A3:B4"/>
    <mergeCell ref="C3:F3"/>
    <mergeCell ref="A1:F1"/>
    <mergeCell ref="B23:B24"/>
    <mergeCell ref="A21:A24"/>
    <mergeCell ref="A5:A8"/>
    <mergeCell ref="B5:B6"/>
    <mergeCell ref="B7:B8"/>
    <mergeCell ref="A9:A12"/>
    <mergeCell ref="B9:B10"/>
    <mergeCell ref="B13:B14"/>
    <mergeCell ref="B15:B16"/>
    <mergeCell ref="B11:B12"/>
    <mergeCell ref="A13:A16"/>
    <mergeCell ref="B17:B18"/>
    <mergeCell ref="B19:B20"/>
    <mergeCell ref="A17:A20"/>
    <mergeCell ref="B21:B22"/>
    <mergeCell ref="B25:B26"/>
    <mergeCell ref="B27:B28"/>
    <mergeCell ref="A25:A28"/>
    <mergeCell ref="B29:B30"/>
    <mergeCell ref="B31:B32"/>
    <mergeCell ref="B33:B34"/>
    <mergeCell ref="B35:B36"/>
    <mergeCell ref="A33:A36"/>
    <mergeCell ref="A45:B46"/>
    <mergeCell ref="A47:F47"/>
    <mergeCell ref="B37:B38"/>
    <mergeCell ref="B39:B40"/>
    <mergeCell ref="A37:A40"/>
    <mergeCell ref="B41:B42"/>
    <mergeCell ref="B43:B44"/>
    <mergeCell ref="A41:A44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"/>
  <dimension ref="A1:R25"/>
  <sheetViews>
    <sheetView workbookViewId="0">
      <selection activeCell="A2" sqref="A2"/>
    </sheetView>
  </sheetViews>
  <sheetFormatPr defaultColWidth="9" defaultRowHeight="14.25"/>
  <cols>
    <col min="1" max="6" width="9" style="18" customWidth="1"/>
    <col min="7" max="16384" width="9" style="18"/>
  </cols>
  <sheetData>
    <row r="1" spans="1:18">
      <c r="A1" s="70" t="s">
        <v>284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136</v>
      </c>
      <c r="B3" s="76" t="s">
        <v>250</v>
      </c>
      <c r="C3" s="76"/>
      <c r="D3" s="76"/>
      <c r="E3" s="76"/>
      <c r="F3" s="76"/>
    </row>
    <row r="4" spans="1:18">
      <c r="A4" s="75"/>
      <c r="B4" s="11" t="s">
        <v>152</v>
      </c>
      <c r="C4" s="11" t="s">
        <v>153</v>
      </c>
      <c r="D4" s="11" t="s">
        <v>145</v>
      </c>
      <c r="E4" s="11" t="s">
        <v>22</v>
      </c>
      <c r="F4" s="11" t="s">
        <v>15</v>
      </c>
    </row>
    <row r="5" spans="1:18">
      <c r="A5" s="73" t="s">
        <v>114</v>
      </c>
      <c r="B5" s="20">
        <v>314</v>
      </c>
      <c r="C5" s="20">
        <v>1752</v>
      </c>
      <c r="D5" s="20">
        <v>300</v>
      </c>
      <c r="E5" s="20">
        <v>288</v>
      </c>
      <c r="F5" s="20">
        <v>2654</v>
      </c>
    </row>
    <row r="6" spans="1:18">
      <c r="A6" s="77"/>
      <c r="B6" s="21">
        <v>0.11799999999999999</v>
      </c>
      <c r="C6" s="21">
        <v>0.66</v>
      </c>
      <c r="D6" s="21">
        <v>0.113</v>
      </c>
      <c r="E6" s="21">
        <v>0.109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15</v>
      </c>
      <c r="B7" s="20">
        <v>278</v>
      </c>
      <c r="C7" s="20">
        <v>2149</v>
      </c>
      <c r="D7" s="20">
        <v>519</v>
      </c>
      <c r="E7" s="20">
        <v>281</v>
      </c>
      <c r="F7" s="20">
        <v>3227</v>
      </c>
    </row>
    <row r="8" spans="1:18">
      <c r="A8" s="74"/>
      <c r="B8" s="21">
        <v>8.5999999999999993E-2</v>
      </c>
      <c r="C8" s="21">
        <v>0.66600000000000004</v>
      </c>
      <c r="D8" s="21">
        <v>0.161</v>
      </c>
      <c r="E8" s="21">
        <v>8.6999999999999994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2</v>
      </c>
      <c r="B9" s="24">
        <v>3</v>
      </c>
      <c r="C9" s="24">
        <v>8</v>
      </c>
      <c r="D9" s="24">
        <v>3</v>
      </c>
      <c r="E9" s="24">
        <v>1</v>
      </c>
      <c r="F9" s="24">
        <v>15</v>
      </c>
      <c r="K9" s="22"/>
      <c r="L9" s="22"/>
      <c r="M9" s="22"/>
      <c r="N9" s="22"/>
      <c r="O9" s="22"/>
    </row>
    <row r="10" spans="1:18">
      <c r="A10" s="74"/>
      <c r="B10" s="21">
        <v>0.2</v>
      </c>
      <c r="C10" s="21">
        <v>0.53300000000000003</v>
      </c>
      <c r="D10" s="21">
        <v>0.2</v>
      </c>
      <c r="E10" s="21">
        <v>6.7000000000000004E-2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8" t="s">
        <v>15</v>
      </c>
      <c r="B11" s="20">
        <v>595</v>
      </c>
      <c r="C11" s="20">
        <v>3909</v>
      </c>
      <c r="D11" s="20">
        <v>822</v>
      </c>
      <c r="E11" s="20">
        <v>570</v>
      </c>
      <c r="F11" s="20">
        <v>5896</v>
      </c>
    </row>
    <row r="12" spans="1:18">
      <c r="A12" s="79"/>
      <c r="B12" s="21">
        <v>0.10100000000000001</v>
      </c>
      <c r="C12" s="21">
        <v>0.66300000000000003</v>
      </c>
      <c r="D12" s="21">
        <v>0.13900000000000001</v>
      </c>
      <c r="E12" s="21">
        <v>9.7000000000000003E-2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3.9" customHeight="1">
      <c r="A13" s="39" t="s">
        <v>591</v>
      </c>
      <c r="B13" s="39"/>
      <c r="C13" s="39"/>
      <c r="D13" s="39"/>
      <c r="E13" s="39"/>
      <c r="F13" s="39"/>
      <c r="K13" s="22"/>
      <c r="L13" s="22"/>
      <c r="M13" s="22"/>
      <c r="N13" s="22"/>
      <c r="O13" s="22"/>
    </row>
    <row r="14" spans="1:18" ht="13.9" customHeight="1">
      <c r="A14" s="43"/>
      <c r="B14" s="43"/>
      <c r="C14" s="43"/>
      <c r="D14" s="43"/>
      <c r="E14" s="43"/>
      <c r="F14" s="43"/>
      <c r="K14" s="22"/>
      <c r="L14" s="22"/>
      <c r="M14" s="22"/>
      <c r="N14" s="22"/>
      <c r="O14" s="22"/>
      <c r="P14" s="22"/>
      <c r="Q14" s="22"/>
      <c r="R14" s="22"/>
    </row>
    <row r="15" spans="1:18">
      <c r="K15" s="22"/>
      <c r="L15" s="22"/>
      <c r="M15" s="22"/>
      <c r="N15" s="22"/>
      <c r="O15" s="22"/>
    </row>
    <row r="16" spans="1:18">
      <c r="K16" s="22"/>
      <c r="L16" s="22"/>
      <c r="M16" s="22"/>
      <c r="N16" s="22"/>
      <c r="O16" s="22"/>
      <c r="P16" s="22"/>
      <c r="Q16" s="22"/>
      <c r="R16" s="22"/>
    </row>
    <row r="17" spans="11:18">
      <c r="K17" s="22"/>
      <c r="L17" s="22"/>
      <c r="M17" s="22"/>
      <c r="N17" s="22"/>
      <c r="O17" s="22"/>
    </row>
    <row r="18" spans="11:18">
      <c r="K18" s="22"/>
      <c r="L18" s="22"/>
      <c r="M18" s="22"/>
      <c r="N18" s="22"/>
      <c r="O18" s="22"/>
      <c r="P18" s="22"/>
      <c r="Q18" s="22"/>
      <c r="R18" s="22"/>
    </row>
    <row r="19" spans="11:18">
      <c r="K19" s="22"/>
      <c r="L19" s="22"/>
      <c r="M19" s="22"/>
      <c r="N19" s="22"/>
      <c r="O19" s="22"/>
    </row>
    <row r="20" spans="11:18">
      <c r="K20" s="22"/>
      <c r="L20" s="22"/>
      <c r="M20" s="22"/>
      <c r="N20" s="22"/>
      <c r="O20" s="22"/>
      <c r="P20" s="22"/>
      <c r="Q20" s="22"/>
      <c r="R20" s="22"/>
    </row>
    <row r="21" spans="11:18">
      <c r="K21" s="22"/>
      <c r="L21" s="22"/>
      <c r="M21" s="22"/>
      <c r="N21" s="22"/>
      <c r="O21" s="22"/>
    </row>
    <row r="22" spans="11:18">
      <c r="K22" s="22"/>
      <c r="L22" s="22"/>
      <c r="M22" s="22"/>
      <c r="N22" s="22"/>
      <c r="O22" s="22"/>
      <c r="P22" s="22"/>
      <c r="Q22" s="22"/>
      <c r="R22" s="22"/>
    </row>
    <row r="23" spans="11:18" ht="13.9" customHeight="1">
      <c r="K23" s="22"/>
      <c r="L23" s="22"/>
      <c r="M23" s="22"/>
      <c r="N23" s="22"/>
      <c r="O23" s="22"/>
    </row>
    <row r="24" spans="11:18">
      <c r="K24" s="22"/>
      <c r="L24" s="22"/>
      <c r="M24" s="22"/>
      <c r="N24" s="22"/>
      <c r="O24" s="22"/>
      <c r="P24" s="22"/>
      <c r="Q24" s="22"/>
      <c r="R24" s="22"/>
    </row>
    <row r="25" spans="11:18">
      <c r="K25" s="22"/>
      <c r="L25" s="22"/>
      <c r="M25" s="22"/>
      <c r="N25" s="22"/>
      <c r="O25" s="22"/>
    </row>
  </sheetData>
  <mergeCells count="7"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4"/>
  <dimension ref="A1:R49"/>
  <sheetViews>
    <sheetView workbookViewId="0">
      <selection activeCell="A2" sqref="A2"/>
    </sheetView>
  </sheetViews>
  <sheetFormatPr defaultColWidth="9" defaultRowHeight="14.25"/>
  <cols>
    <col min="1" max="1" width="25" style="18" customWidth="1"/>
    <col min="2" max="2" width="7.5" style="54" customWidth="1"/>
    <col min="3" max="6" width="9" style="18" customWidth="1"/>
    <col min="7" max="10" width="9" style="18"/>
    <col min="11" max="11" width="10.75" style="18" bestFit="1" customWidth="1"/>
    <col min="12" max="12" width="9.75" style="18" bestFit="1" customWidth="1"/>
    <col min="13" max="13" width="9.125" style="18" bestFit="1" customWidth="1"/>
    <col min="14" max="14" width="10.75" style="18" bestFit="1" customWidth="1"/>
    <col min="15" max="16384" width="9" style="18"/>
  </cols>
  <sheetData>
    <row r="1" spans="1:18">
      <c r="A1" s="120" t="s">
        <v>561</v>
      </c>
      <c r="B1" s="120"/>
      <c r="C1" s="120"/>
      <c r="D1" s="120"/>
      <c r="E1" s="120"/>
      <c r="F1" s="120"/>
    </row>
    <row r="2" spans="1:18">
      <c r="A2" s="121" t="s">
        <v>613</v>
      </c>
      <c r="B2" s="57"/>
      <c r="C2" s="42"/>
      <c r="D2" s="42"/>
      <c r="E2" s="42"/>
      <c r="F2" s="42"/>
    </row>
    <row r="3" spans="1:18">
      <c r="A3" s="84" t="s">
        <v>177</v>
      </c>
      <c r="B3" s="84"/>
      <c r="C3" s="76" t="s">
        <v>125</v>
      </c>
      <c r="D3" s="76"/>
      <c r="E3" s="76"/>
      <c r="F3" s="76"/>
    </row>
    <row r="4" spans="1:18">
      <c r="A4" s="84"/>
      <c r="B4" s="84"/>
      <c r="C4" s="11" t="s">
        <v>43</v>
      </c>
      <c r="D4" s="11" t="s">
        <v>44</v>
      </c>
      <c r="E4" s="11" t="s">
        <v>22</v>
      </c>
      <c r="F4" s="11" t="s">
        <v>15</v>
      </c>
    </row>
    <row r="5" spans="1:18">
      <c r="A5" s="95" t="s">
        <v>299</v>
      </c>
      <c r="B5" s="116" t="s">
        <v>180</v>
      </c>
      <c r="C5" s="20">
        <v>288</v>
      </c>
      <c r="D5" s="20">
        <v>412</v>
      </c>
      <c r="E5" s="20">
        <v>18</v>
      </c>
      <c r="F5" s="20">
        <v>718</v>
      </c>
    </row>
    <row r="6" spans="1:18" s="26" customFormat="1">
      <c r="A6" s="102"/>
      <c r="B6" s="117"/>
      <c r="C6" s="21">
        <v>0.40100000000000002</v>
      </c>
      <c r="D6" s="21">
        <v>0.57399999999999995</v>
      </c>
      <c r="E6" s="21">
        <v>2.5000000000000001E-2</v>
      </c>
      <c r="F6" s="21">
        <v>1</v>
      </c>
    </row>
    <row r="7" spans="1:18">
      <c r="A7" s="102"/>
      <c r="B7" s="118" t="s">
        <v>181</v>
      </c>
      <c r="C7" s="20">
        <v>2147</v>
      </c>
      <c r="D7" s="20">
        <v>1004</v>
      </c>
      <c r="E7" s="20">
        <v>72</v>
      </c>
      <c r="F7" s="20">
        <v>3223</v>
      </c>
      <c r="K7" s="22"/>
      <c r="L7" s="22"/>
      <c r="M7" s="22"/>
      <c r="N7" s="22"/>
      <c r="O7" s="22"/>
      <c r="P7" s="22"/>
      <c r="Q7" s="22"/>
      <c r="R7" s="22"/>
    </row>
    <row r="8" spans="1:18">
      <c r="A8" s="99"/>
      <c r="B8" s="119"/>
      <c r="C8" s="21">
        <v>0.66600000000000004</v>
      </c>
      <c r="D8" s="21">
        <v>0.312</v>
      </c>
      <c r="E8" s="21">
        <v>2.1999999999999999E-2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87" t="s">
        <v>178</v>
      </c>
      <c r="B9" s="116" t="s">
        <v>180</v>
      </c>
      <c r="C9" s="20">
        <v>1797</v>
      </c>
      <c r="D9" s="20">
        <v>686</v>
      </c>
      <c r="E9" s="20">
        <v>51</v>
      </c>
      <c r="F9" s="20">
        <v>2534</v>
      </c>
      <c r="K9" s="22"/>
      <c r="L9" s="22"/>
      <c r="M9" s="22"/>
      <c r="N9" s="22"/>
      <c r="O9" s="22"/>
    </row>
    <row r="10" spans="1:18">
      <c r="A10" s="103"/>
      <c r="B10" s="117"/>
      <c r="C10" s="21">
        <v>0.70899999999999996</v>
      </c>
      <c r="D10" s="21">
        <v>0.27100000000000002</v>
      </c>
      <c r="E10" s="21">
        <v>0.02</v>
      </c>
      <c r="F10" s="21">
        <v>1</v>
      </c>
      <c r="K10" s="22"/>
      <c r="L10" s="22"/>
      <c r="M10" s="22"/>
      <c r="N10" s="22"/>
      <c r="O10" s="22"/>
    </row>
    <row r="11" spans="1:18">
      <c r="A11" s="103"/>
      <c r="B11" s="118" t="s">
        <v>181</v>
      </c>
      <c r="C11" s="20">
        <v>638</v>
      </c>
      <c r="D11" s="20">
        <v>730</v>
      </c>
      <c r="E11" s="20">
        <v>39</v>
      </c>
      <c r="F11" s="20">
        <v>1407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88"/>
      <c r="B12" s="119"/>
      <c r="C12" s="21">
        <v>0.45300000000000001</v>
      </c>
      <c r="D12" s="21">
        <v>0.51900000000000002</v>
      </c>
      <c r="E12" s="21">
        <v>2.8000000000000001E-2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87" t="s">
        <v>168</v>
      </c>
      <c r="B13" s="116" t="s">
        <v>180</v>
      </c>
      <c r="C13" s="20">
        <v>444</v>
      </c>
      <c r="D13" s="20">
        <v>141</v>
      </c>
      <c r="E13" s="20">
        <v>10</v>
      </c>
      <c r="F13" s="20">
        <v>595</v>
      </c>
      <c r="K13" s="22"/>
      <c r="L13" s="22"/>
      <c r="M13" s="22"/>
      <c r="N13" s="22"/>
      <c r="O13" s="22"/>
      <c r="P13" s="22"/>
      <c r="Q13" s="22"/>
      <c r="R13" s="22"/>
    </row>
    <row r="14" spans="1:18">
      <c r="A14" s="103"/>
      <c r="B14" s="117"/>
      <c r="C14" s="21">
        <v>0.746</v>
      </c>
      <c r="D14" s="21">
        <v>0.23699999999999999</v>
      </c>
      <c r="E14" s="21">
        <v>1.7000000000000001E-2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103"/>
      <c r="B15" s="118" t="s">
        <v>181</v>
      </c>
      <c r="C15" s="20">
        <v>1991</v>
      </c>
      <c r="D15" s="20">
        <v>1275</v>
      </c>
      <c r="E15" s="20">
        <v>80</v>
      </c>
      <c r="F15" s="20">
        <v>3346</v>
      </c>
      <c r="K15" s="22"/>
      <c r="L15" s="22"/>
      <c r="M15" s="22"/>
      <c r="N15" s="22"/>
      <c r="O15" s="22"/>
      <c r="P15" s="22"/>
      <c r="Q15" s="22"/>
      <c r="R15" s="22"/>
    </row>
    <row r="16" spans="1:18">
      <c r="A16" s="88"/>
      <c r="B16" s="119"/>
      <c r="C16" s="21">
        <v>0.59499999999999997</v>
      </c>
      <c r="D16" s="21">
        <v>0.38100000000000001</v>
      </c>
      <c r="E16" s="21">
        <v>2.4E-2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8">
      <c r="A17" s="87" t="s">
        <v>175</v>
      </c>
      <c r="B17" s="116" t="s">
        <v>180</v>
      </c>
      <c r="C17" s="20">
        <v>816</v>
      </c>
      <c r="D17" s="20">
        <v>265</v>
      </c>
      <c r="E17" s="20">
        <v>16</v>
      </c>
      <c r="F17" s="20">
        <v>1097</v>
      </c>
      <c r="K17" s="22"/>
      <c r="L17" s="22"/>
      <c r="M17" s="22"/>
      <c r="N17" s="22"/>
      <c r="O17" s="22"/>
      <c r="P17" s="22"/>
      <c r="Q17" s="22"/>
      <c r="R17" s="22"/>
    </row>
    <row r="18" spans="1:18">
      <c r="A18" s="103"/>
      <c r="B18" s="117"/>
      <c r="C18" s="21">
        <v>0.74399999999999999</v>
      </c>
      <c r="D18" s="21">
        <v>0.24199999999999999</v>
      </c>
      <c r="E18" s="21">
        <v>1.4999999999999999E-2</v>
      </c>
      <c r="F18" s="21">
        <v>1</v>
      </c>
      <c r="K18" s="22"/>
      <c r="L18" s="22"/>
      <c r="M18" s="22"/>
      <c r="N18" s="22"/>
      <c r="O18" s="22"/>
      <c r="P18" s="22"/>
      <c r="Q18" s="22"/>
      <c r="R18" s="22"/>
    </row>
    <row r="19" spans="1:18">
      <c r="A19" s="103"/>
      <c r="B19" s="118" t="s">
        <v>181</v>
      </c>
      <c r="C19" s="20">
        <v>1619</v>
      </c>
      <c r="D19" s="20">
        <v>1151</v>
      </c>
      <c r="E19" s="20">
        <v>74</v>
      </c>
      <c r="F19" s="20">
        <v>2844</v>
      </c>
      <c r="K19" s="22"/>
      <c r="L19" s="22"/>
      <c r="M19" s="22"/>
      <c r="N19" s="22"/>
      <c r="O19" s="22"/>
      <c r="P19" s="22"/>
      <c r="Q19" s="22"/>
      <c r="R19" s="22"/>
    </row>
    <row r="20" spans="1:18">
      <c r="A20" s="88"/>
      <c r="B20" s="119"/>
      <c r="C20" s="21">
        <v>0.56899999999999995</v>
      </c>
      <c r="D20" s="21">
        <v>0.40500000000000003</v>
      </c>
      <c r="E20" s="21">
        <v>2.5999999999999999E-2</v>
      </c>
      <c r="F20" s="21">
        <v>1</v>
      </c>
      <c r="K20" s="22"/>
      <c r="L20" s="22"/>
      <c r="M20" s="22"/>
      <c r="N20" s="22"/>
      <c r="O20" s="22"/>
      <c r="P20" s="22"/>
      <c r="Q20" s="22"/>
      <c r="R20" s="22"/>
    </row>
    <row r="21" spans="1:18">
      <c r="A21" s="87" t="s">
        <v>176</v>
      </c>
      <c r="B21" s="116" t="s">
        <v>180</v>
      </c>
      <c r="C21" s="20">
        <v>53</v>
      </c>
      <c r="D21" s="20">
        <v>16</v>
      </c>
      <c r="E21" s="20">
        <v>4</v>
      </c>
      <c r="F21" s="20">
        <v>73</v>
      </c>
      <c r="K21" s="22"/>
      <c r="L21" s="22"/>
      <c r="M21" s="22"/>
      <c r="N21" s="22"/>
      <c r="O21" s="22"/>
      <c r="P21" s="22"/>
      <c r="Q21" s="22"/>
      <c r="R21" s="22"/>
    </row>
    <row r="22" spans="1:18">
      <c r="A22" s="103"/>
      <c r="B22" s="117"/>
      <c r="C22" s="21">
        <v>0.72599999999999998</v>
      </c>
      <c r="D22" s="21">
        <v>0.219</v>
      </c>
      <c r="E22" s="21">
        <v>5.5E-2</v>
      </c>
      <c r="F22" s="21">
        <v>1</v>
      </c>
      <c r="K22" s="22"/>
      <c r="L22" s="22"/>
      <c r="M22" s="22"/>
      <c r="N22" s="22"/>
      <c r="O22" s="22"/>
      <c r="P22" s="22"/>
      <c r="Q22" s="22"/>
      <c r="R22" s="22"/>
    </row>
    <row r="23" spans="1:18">
      <c r="A23" s="103"/>
      <c r="B23" s="118" t="s">
        <v>181</v>
      </c>
      <c r="C23" s="20">
        <v>2382</v>
      </c>
      <c r="D23" s="20">
        <v>1400</v>
      </c>
      <c r="E23" s="20">
        <v>86</v>
      </c>
      <c r="F23" s="20">
        <v>3868</v>
      </c>
      <c r="K23" s="22"/>
      <c r="L23" s="22"/>
      <c r="M23" s="22"/>
      <c r="N23" s="22"/>
      <c r="O23" s="22"/>
      <c r="P23" s="22"/>
      <c r="Q23" s="22"/>
      <c r="R23" s="22"/>
    </row>
    <row r="24" spans="1:18">
      <c r="A24" s="88"/>
      <c r="B24" s="119"/>
      <c r="C24" s="21">
        <v>0.61599999999999999</v>
      </c>
      <c r="D24" s="21">
        <v>0.36199999999999999</v>
      </c>
      <c r="E24" s="21">
        <v>2.1999999999999999E-2</v>
      </c>
      <c r="F24" s="21">
        <v>1</v>
      </c>
      <c r="K24" s="22"/>
      <c r="L24" s="22"/>
      <c r="M24" s="22"/>
      <c r="N24" s="22"/>
      <c r="O24" s="22"/>
      <c r="P24" s="22"/>
      <c r="Q24" s="22"/>
      <c r="R24" s="22"/>
    </row>
    <row r="25" spans="1:18">
      <c r="A25" s="87" t="s">
        <v>169</v>
      </c>
      <c r="B25" s="116" t="s">
        <v>180</v>
      </c>
      <c r="C25" s="20">
        <v>215</v>
      </c>
      <c r="D25" s="20">
        <v>56</v>
      </c>
      <c r="E25" s="20">
        <v>1</v>
      </c>
      <c r="F25" s="20">
        <v>272</v>
      </c>
      <c r="K25" s="22"/>
      <c r="L25" s="22"/>
      <c r="M25" s="22"/>
      <c r="N25" s="22"/>
      <c r="O25" s="22"/>
      <c r="P25" s="22"/>
      <c r="Q25" s="22"/>
      <c r="R25" s="22"/>
    </row>
    <row r="26" spans="1:18">
      <c r="A26" s="103"/>
      <c r="B26" s="117"/>
      <c r="C26" s="21">
        <v>0.79</v>
      </c>
      <c r="D26" s="21">
        <v>0.20599999999999999</v>
      </c>
      <c r="E26" s="21">
        <v>4.0000000000000001E-3</v>
      </c>
      <c r="F26" s="21">
        <v>1</v>
      </c>
      <c r="K26" s="22"/>
      <c r="L26" s="22"/>
      <c r="M26" s="22"/>
      <c r="N26" s="22"/>
      <c r="O26" s="22"/>
      <c r="P26" s="22"/>
      <c r="Q26" s="22"/>
      <c r="R26" s="22"/>
    </row>
    <row r="27" spans="1:18">
      <c r="A27" s="103"/>
      <c r="B27" s="118" t="s">
        <v>181</v>
      </c>
      <c r="C27" s="20">
        <v>2220</v>
      </c>
      <c r="D27" s="20">
        <v>1360</v>
      </c>
      <c r="E27" s="20">
        <v>89</v>
      </c>
      <c r="F27" s="20">
        <v>3669</v>
      </c>
      <c r="K27" s="22"/>
      <c r="L27" s="22"/>
      <c r="M27" s="22"/>
      <c r="N27" s="22"/>
      <c r="O27" s="22"/>
      <c r="P27" s="22"/>
      <c r="Q27" s="22"/>
      <c r="R27" s="22"/>
    </row>
    <row r="28" spans="1:18">
      <c r="A28" s="88"/>
      <c r="B28" s="119"/>
      <c r="C28" s="21">
        <v>0.60499999999999998</v>
      </c>
      <c r="D28" s="21">
        <v>0.371</v>
      </c>
      <c r="E28" s="21">
        <v>2.4E-2</v>
      </c>
      <c r="F28" s="21">
        <v>1</v>
      </c>
      <c r="K28" s="22"/>
      <c r="L28" s="22"/>
      <c r="M28" s="22"/>
      <c r="N28" s="22"/>
      <c r="O28" s="22"/>
      <c r="P28" s="22"/>
      <c r="Q28" s="22"/>
      <c r="R28" s="22"/>
    </row>
    <row r="29" spans="1:18">
      <c r="A29" s="15" t="s">
        <v>170</v>
      </c>
      <c r="B29" s="116" t="s">
        <v>180</v>
      </c>
      <c r="C29" s="20">
        <v>514</v>
      </c>
      <c r="D29" s="20">
        <v>299</v>
      </c>
      <c r="E29" s="20">
        <v>16</v>
      </c>
      <c r="F29" s="20">
        <v>829</v>
      </c>
      <c r="K29" s="22"/>
      <c r="L29" s="22"/>
      <c r="M29" s="22"/>
      <c r="N29" s="22"/>
      <c r="O29" s="22"/>
      <c r="P29" s="22"/>
      <c r="Q29" s="22"/>
      <c r="R29" s="22"/>
    </row>
    <row r="30" spans="1:18">
      <c r="A30" s="16"/>
      <c r="B30" s="117"/>
      <c r="C30" s="21">
        <v>0.62</v>
      </c>
      <c r="D30" s="21">
        <v>0.36099999999999999</v>
      </c>
      <c r="E30" s="21">
        <v>1.9E-2</v>
      </c>
      <c r="F30" s="21">
        <v>1</v>
      </c>
      <c r="K30" s="22"/>
      <c r="L30" s="22"/>
      <c r="M30" s="22"/>
      <c r="N30" s="22"/>
      <c r="O30" s="22"/>
      <c r="P30" s="22"/>
      <c r="Q30" s="22"/>
      <c r="R30" s="22"/>
    </row>
    <row r="31" spans="1:18">
      <c r="A31" s="19"/>
      <c r="B31" s="118" t="s">
        <v>181</v>
      </c>
      <c r="C31" s="20">
        <v>1921</v>
      </c>
      <c r="D31" s="20">
        <v>1117</v>
      </c>
      <c r="E31" s="20">
        <v>74</v>
      </c>
      <c r="F31" s="20">
        <v>3112</v>
      </c>
      <c r="K31" s="22"/>
      <c r="L31" s="22"/>
      <c r="M31" s="22"/>
      <c r="N31" s="22"/>
      <c r="O31" s="22"/>
      <c r="P31" s="22"/>
      <c r="Q31" s="22"/>
      <c r="R31" s="22"/>
    </row>
    <row r="32" spans="1:18">
      <c r="A32" s="17"/>
      <c r="B32" s="119"/>
      <c r="C32" s="21">
        <v>0.61699999999999999</v>
      </c>
      <c r="D32" s="21">
        <v>0.35899999999999999</v>
      </c>
      <c r="E32" s="21">
        <v>2.4E-2</v>
      </c>
      <c r="F32" s="21">
        <v>1</v>
      </c>
      <c r="K32" s="22"/>
      <c r="L32" s="22"/>
      <c r="M32" s="22"/>
      <c r="N32" s="22"/>
      <c r="O32" s="22"/>
      <c r="P32" s="22"/>
      <c r="Q32" s="22"/>
      <c r="R32" s="22"/>
    </row>
    <row r="33" spans="1:18">
      <c r="A33" s="87" t="s">
        <v>171</v>
      </c>
      <c r="B33" s="116" t="s">
        <v>180</v>
      </c>
      <c r="C33" s="20">
        <v>92</v>
      </c>
      <c r="D33" s="20">
        <v>36</v>
      </c>
      <c r="E33" s="20">
        <v>4</v>
      </c>
      <c r="F33" s="20">
        <v>132</v>
      </c>
      <c r="K33" s="22"/>
      <c r="L33" s="22"/>
      <c r="M33" s="22"/>
      <c r="N33" s="22"/>
      <c r="O33" s="22"/>
      <c r="P33" s="22"/>
      <c r="Q33" s="22"/>
      <c r="R33" s="22"/>
    </row>
    <row r="34" spans="1:18">
      <c r="A34" s="103"/>
      <c r="B34" s="117"/>
      <c r="C34" s="21">
        <v>0.69699999999999995</v>
      </c>
      <c r="D34" s="21">
        <v>0.27300000000000002</v>
      </c>
      <c r="E34" s="21">
        <v>0.03</v>
      </c>
      <c r="F34" s="21">
        <v>1</v>
      </c>
      <c r="K34" s="22"/>
      <c r="L34" s="22"/>
      <c r="M34" s="22"/>
      <c r="N34" s="22"/>
      <c r="O34" s="22"/>
      <c r="P34" s="22"/>
      <c r="Q34" s="22"/>
      <c r="R34" s="22"/>
    </row>
    <row r="35" spans="1:18">
      <c r="A35" s="103"/>
      <c r="B35" s="118" t="s">
        <v>181</v>
      </c>
      <c r="C35" s="20">
        <v>2343</v>
      </c>
      <c r="D35" s="20">
        <v>1380</v>
      </c>
      <c r="E35" s="20">
        <v>86</v>
      </c>
      <c r="F35" s="20">
        <v>3809</v>
      </c>
      <c r="K35" s="22"/>
      <c r="L35" s="22"/>
      <c r="M35" s="22"/>
      <c r="N35" s="22"/>
      <c r="O35" s="22"/>
      <c r="P35" s="22"/>
      <c r="Q35" s="22"/>
      <c r="R35" s="22"/>
    </row>
    <row r="36" spans="1:18">
      <c r="A36" s="88"/>
      <c r="B36" s="119"/>
      <c r="C36" s="21">
        <v>0.61499999999999999</v>
      </c>
      <c r="D36" s="21">
        <v>0.36199999999999999</v>
      </c>
      <c r="E36" s="21">
        <v>2.3E-2</v>
      </c>
      <c r="F36" s="21">
        <v>1</v>
      </c>
      <c r="K36" s="22"/>
      <c r="L36" s="22"/>
      <c r="M36" s="22"/>
      <c r="N36" s="22"/>
      <c r="O36" s="22"/>
      <c r="P36" s="22"/>
      <c r="Q36" s="22"/>
      <c r="R36" s="22"/>
    </row>
    <row r="37" spans="1:18">
      <c r="A37" s="87" t="s">
        <v>172</v>
      </c>
      <c r="B37" s="116" t="s">
        <v>180</v>
      </c>
      <c r="C37" s="20">
        <v>478</v>
      </c>
      <c r="D37" s="20">
        <v>264</v>
      </c>
      <c r="E37" s="20">
        <v>16</v>
      </c>
      <c r="F37" s="20">
        <v>758</v>
      </c>
      <c r="K37" s="22"/>
      <c r="L37" s="22"/>
      <c r="M37" s="22"/>
      <c r="N37" s="22"/>
      <c r="O37" s="22"/>
      <c r="P37" s="22"/>
      <c r="Q37" s="22"/>
      <c r="R37" s="22"/>
    </row>
    <row r="38" spans="1:18">
      <c r="A38" s="103"/>
      <c r="B38" s="117"/>
      <c r="C38" s="21">
        <v>0.63100000000000001</v>
      </c>
      <c r="D38" s="21">
        <v>0.34799999999999998</v>
      </c>
      <c r="E38" s="21">
        <v>2.1000000000000001E-2</v>
      </c>
      <c r="F38" s="21">
        <v>1</v>
      </c>
      <c r="K38" s="22"/>
      <c r="L38" s="22"/>
      <c r="M38" s="22"/>
      <c r="N38" s="22"/>
      <c r="O38" s="22"/>
      <c r="P38" s="22"/>
      <c r="Q38" s="22"/>
      <c r="R38" s="22"/>
    </row>
    <row r="39" spans="1:18">
      <c r="A39" s="103"/>
      <c r="B39" s="118" t="s">
        <v>181</v>
      </c>
      <c r="C39" s="20">
        <v>1957</v>
      </c>
      <c r="D39" s="20">
        <v>1152</v>
      </c>
      <c r="E39" s="20">
        <v>74</v>
      </c>
      <c r="F39" s="20">
        <v>3183</v>
      </c>
      <c r="K39" s="22"/>
      <c r="L39" s="22"/>
      <c r="M39" s="22"/>
      <c r="N39" s="22"/>
      <c r="O39" s="22"/>
      <c r="P39" s="22"/>
      <c r="Q39" s="22"/>
      <c r="R39" s="22"/>
    </row>
    <row r="40" spans="1:18">
      <c r="A40" s="88"/>
      <c r="B40" s="119"/>
      <c r="C40" s="21">
        <v>0.61499999999999999</v>
      </c>
      <c r="D40" s="21">
        <v>0.36199999999999999</v>
      </c>
      <c r="E40" s="21">
        <v>2.3E-2</v>
      </c>
      <c r="F40" s="21">
        <v>1</v>
      </c>
      <c r="K40" s="22"/>
      <c r="L40" s="22"/>
      <c r="M40" s="22"/>
      <c r="N40" s="22"/>
      <c r="O40" s="22"/>
      <c r="P40" s="22"/>
      <c r="Q40" s="22"/>
      <c r="R40" s="22"/>
    </row>
    <row r="41" spans="1:18">
      <c r="A41" s="87" t="s">
        <v>173</v>
      </c>
      <c r="B41" s="116" t="s">
        <v>180</v>
      </c>
      <c r="C41" s="20">
        <v>58</v>
      </c>
      <c r="D41" s="20">
        <v>36</v>
      </c>
      <c r="E41" s="20">
        <v>3</v>
      </c>
      <c r="F41" s="20">
        <v>97</v>
      </c>
      <c r="K41" s="22"/>
      <c r="L41" s="22"/>
      <c r="M41" s="22"/>
      <c r="N41" s="22"/>
      <c r="O41" s="22"/>
      <c r="P41" s="22"/>
      <c r="Q41" s="22"/>
      <c r="R41" s="22"/>
    </row>
    <row r="42" spans="1:18">
      <c r="A42" s="103"/>
      <c r="B42" s="117"/>
      <c r="C42" s="21">
        <v>0.59799999999999998</v>
      </c>
      <c r="D42" s="21">
        <v>0.371</v>
      </c>
      <c r="E42" s="21">
        <v>3.1E-2</v>
      </c>
      <c r="F42" s="21">
        <v>1</v>
      </c>
      <c r="K42" s="22"/>
      <c r="L42" s="22"/>
      <c r="M42" s="22"/>
      <c r="N42" s="22"/>
      <c r="O42" s="22"/>
      <c r="P42" s="22"/>
      <c r="Q42" s="22"/>
      <c r="R42" s="22"/>
    </row>
    <row r="43" spans="1:18">
      <c r="A43" s="103"/>
      <c r="B43" s="118" t="s">
        <v>181</v>
      </c>
      <c r="C43" s="20">
        <v>2377</v>
      </c>
      <c r="D43" s="20">
        <v>1380</v>
      </c>
      <c r="E43" s="20">
        <v>87</v>
      </c>
      <c r="F43" s="20">
        <v>3844</v>
      </c>
      <c r="K43" s="22"/>
      <c r="L43" s="22"/>
      <c r="M43" s="22"/>
      <c r="N43" s="22"/>
      <c r="O43" s="22"/>
      <c r="P43" s="22"/>
      <c r="Q43" s="22"/>
      <c r="R43" s="22"/>
    </row>
    <row r="44" spans="1:18">
      <c r="A44" s="88"/>
      <c r="B44" s="119"/>
      <c r="C44" s="21">
        <v>0.61799999999999999</v>
      </c>
      <c r="D44" s="21">
        <v>0.35899999999999999</v>
      </c>
      <c r="E44" s="21">
        <v>2.3E-2</v>
      </c>
      <c r="F44" s="21">
        <v>1</v>
      </c>
      <c r="K44" s="22"/>
      <c r="L44" s="22"/>
      <c r="M44" s="22"/>
      <c r="N44" s="22"/>
      <c r="O44" s="22"/>
      <c r="P44" s="22"/>
      <c r="Q44" s="22"/>
      <c r="R44" s="22"/>
    </row>
    <row r="45" spans="1:18">
      <c r="A45" s="112" t="s">
        <v>15</v>
      </c>
      <c r="B45" s="113"/>
      <c r="C45" s="20">
        <v>2435</v>
      </c>
      <c r="D45" s="20">
        <v>1416</v>
      </c>
      <c r="E45" s="20">
        <v>90</v>
      </c>
      <c r="F45" s="20">
        <v>3941</v>
      </c>
      <c r="K45" s="22"/>
      <c r="L45" s="22"/>
      <c r="M45" s="22"/>
      <c r="N45" s="22"/>
      <c r="O45" s="22"/>
    </row>
    <row r="46" spans="1:18">
      <c r="A46" s="114"/>
      <c r="B46" s="115"/>
      <c r="C46" s="21">
        <v>0.61799999999999999</v>
      </c>
      <c r="D46" s="21">
        <v>0.35899999999999999</v>
      </c>
      <c r="E46" s="21">
        <v>2.3E-2</v>
      </c>
      <c r="F46" s="21">
        <v>1</v>
      </c>
      <c r="K46" s="22"/>
      <c r="L46" s="22"/>
      <c r="M46" s="22"/>
      <c r="N46" s="22"/>
      <c r="O46" s="22"/>
      <c r="P46" s="22"/>
      <c r="Q46" s="22"/>
      <c r="R46" s="22"/>
    </row>
    <row r="47" spans="1:18" ht="14.25" customHeight="1">
      <c r="A47" s="80" t="s">
        <v>216</v>
      </c>
      <c r="B47" s="80"/>
      <c r="C47" s="80"/>
      <c r="D47" s="80"/>
      <c r="E47" s="80"/>
      <c r="F47" s="80"/>
      <c r="K47" s="22"/>
      <c r="L47" s="22"/>
      <c r="M47" s="22"/>
      <c r="N47" s="22"/>
      <c r="O47" s="22"/>
    </row>
    <row r="48" spans="1:18">
      <c r="A48" s="108"/>
      <c r="B48" s="108"/>
      <c r="C48" s="108"/>
      <c r="D48" s="108"/>
      <c r="E48" s="108"/>
      <c r="F48" s="108"/>
      <c r="K48" s="22"/>
      <c r="L48" s="22"/>
      <c r="M48" s="22"/>
      <c r="N48" s="22"/>
      <c r="O48" s="22"/>
      <c r="P48" s="22"/>
    </row>
    <row r="49" spans="1:14">
      <c r="A49" s="108"/>
      <c r="B49" s="108"/>
      <c r="C49" s="108"/>
      <c r="D49" s="108"/>
      <c r="E49" s="108"/>
      <c r="F49" s="108"/>
      <c r="K49" s="22"/>
      <c r="L49" s="22"/>
      <c r="M49" s="22"/>
      <c r="N49" s="22"/>
    </row>
  </sheetData>
  <mergeCells count="34">
    <mergeCell ref="A1:F1"/>
    <mergeCell ref="A3:B4"/>
    <mergeCell ref="C3:F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F49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5"/>
  <dimension ref="A1:T49"/>
  <sheetViews>
    <sheetView workbookViewId="0">
      <selection activeCell="A2" sqref="A2"/>
    </sheetView>
  </sheetViews>
  <sheetFormatPr defaultColWidth="9" defaultRowHeight="14.25"/>
  <cols>
    <col min="1" max="1" width="15.375" style="18" customWidth="1"/>
    <col min="2" max="2" width="7.5" style="54" customWidth="1"/>
    <col min="3" max="8" width="9" style="18" customWidth="1"/>
    <col min="9" max="12" width="9" style="18"/>
    <col min="13" max="13" width="10.75" style="18" bestFit="1" customWidth="1"/>
    <col min="14" max="14" width="9.75" style="18" bestFit="1" customWidth="1"/>
    <col min="15" max="15" width="9.125" style="18" bestFit="1" customWidth="1"/>
    <col min="16" max="16" width="10.75" style="18" bestFit="1" customWidth="1"/>
    <col min="17" max="16384" width="9" style="18"/>
  </cols>
  <sheetData>
    <row r="1" spans="1:20">
      <c r="A1" s="120" t="s">
        <v>562</v>
      </c>
      <c r="B1" s="120"/>
      <c r="C1" s="120"/>
      <c r="D1" s="120"/>
      <c r="E1" s="120"/>
      <c r="F1" s="120"/>
      <c r="G1" s="120"/>
      <c r="H1" s="120"/>
    </row>
    <row r="2" spans="1:20">
      <c r="A2" s="121" t="s">
        <v>613</v>
      </c>
      <c r="B2" s="57"/>
      <c r="C2" s="42"/>
      <c r="D2" s="42"/>
      <c r="E2" s="42"/>
      <c r="F2" s="42"/>
      <c r="G2" s="42"/>
      <c r="H2" s="42"/>
    </row>
    <row r="3" spans="1:20">
      <c r="A3" s="84" t="s">
        <v>177</v>
      </c>
      <c r="B3" s="84"/>
      <c r="C3" s="76" t="s">
        <v>126</v>
      </c>
      <c r="D3" s="76"/>
      <c r="E3" s="76"/>
      <c r="F3" s="76"/>
      <c r="G3" s="76"/>
      <c r="H3" s="76"/>
    </row>
    <row r="4" spans="1:20" ht="28.5">
      <c r="A4" s="84"/>
      <c r="B4" s="84"/>
      <c r="C4" s="11" t="s">
        <v>94</v>
      </c>
      <c r="D4" s="11" t="s">
        <v>95</v>
      </c>
      <c r="E4" s="11" t="s">
        <v>96</v>
      </c>
      <c r="F4" s="11" t="s">
        <v>97</v>
      </c>
      <c r="G4" s="11" t="s">
        <v>22</v>
      </c>
      <c r="H4" s="11" t="s">
        <v>15</v>
      </c>
    </row>
    <row r="5" spans="1:20">
      <c r="A5" s="95" t="s">
        <v>563</v>
      </c>
      <c r="B5" s="116" t="s">
        <v>180</v>
      </c>
      <c r="C5" s="20">
        <v>133</v>
      </c>
      <c r="D5" s="20">
        <v>389</v>
      </c>
      <c r="E5" s="20">
        <v>460</v>
      </c>
      <c r="F5" s="20">
        <v>543</v>
      </c>
      <c r="G5" s="20">
        <v>3</v>
      </c>
      <c r="H5" s="20">
        <v>1528</v>
      </c>
    </row>
    <row r="6" spans="1:20" s="26" customFormat="1">
      <c r="A6" s="102"/>
      <c r="B6" s="117"/>
      <c r="C6" s="21">
        <v>8.6999999999999994E-2</v>
      </c>
      <c r="D6" s="21">
        <v>0.255</v>
      </c>
      <c r="E6" s="21">
        <v>0.30099999999999999</v>
      </c>
      <c r="F6" s="21">
        <v>0.35499999999999998</v>
      </c>
      <c r="G6" s="21">
        <v>2E-3</v>
      </c>
      <c r="H6" s="21">
        <v>1</v>
      </c>
      <c r="S6" s="18"/>
    </row>
    <row r="7" spans="1:20">
      <c r="A7" s="102"/>
      <c r="B7" s="118" t="s">
        <v>181</v>
      </c>
      <c r="C7" s="20">
        <v>266</v>
      </c>
      <c r="D7" s="20">
        <v>918</v>
      </c>
      <c r="E7" s="20">
        <v>1272</v>
      </c>
      <c r="F7" s="20">
        <v>1672</v>
      </c>
      <c r="G7" s="20">
        <v>11</v>
      </c>
      <c r="H7" s="20">
        <v>4139</v>
      </c>
      <c r="M7" s="22"/>
      <c r="N7" s="22"/>
      <c r="O7" s="22"/>
      <c r="P7" s="22"/>
      <c r="Q7" s="22"/>
      <c r="R7" s="22"/>
      <c r="S7" s="22"/>
      <c r="T7" s="22"/>
    </row>
    <row r="8" spans="1:20">
      <c r="A8" s="99"/>
      <c r="B8" s="119"/>
      <c r="C8" s="21">
        <v>6.4000000000000001E-2</v>
      </c>
      <c r="D8" s="21">
        <v>0.222</v>
      </c>
      <c r="E8" s="21">
        <v>0.307</v>
      </c>
      <c r="F8" s="21">
        <v>0.40400000000000003</v>
      </c>
      <c r="G8" s="21">
        <v>3.0000000000000001E-3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87" t="s">
        <v>178</v>
      </c>
      <c r="B9" s="116" t="s">
        <v>180</v>
      </c>
      <c r="C9" s="20">
        <v>189</v>
      </c>
      <c r="D9" s="20">
        <v>672</v>
      </c>
      <c r="E9" s="20">
        <v>992</v>
      </c>
      <c r="F9" s="20">
        <v>1284</v>
      </c>
      <c r="G9" s="20">
        <v>11</v>
      </c>
      <c r="H9" s="20">
        <v>3148</v>
      </c>
      <c r="M9" s="22"/>
      <c r="N9" s="22"/>
      <c r="O9" s="22"/>
      <c r="P9" s="22"/>
      <c r="Q9" s="22"/>
    </row>
    <row r="10" spans="1:20">
      <c r="A10" s="103"/>
      <c r="B10" s="117"/>
      <c r="C10" s="21">
        <v>0.06</v>
      </c>
      <c r="D10" s="21">
        <v>0.21299999999999999</v>
      </c>
      <c r="E10" s="21">
        <v>0.315</v>
      </c>
      <c r="F10" s="21">
        <v>0.40799999999999997</v>
      </c>
      <c r="G10" s="21">
        <v>3.0000000000000001E-3</v>
      </c>
      <c r="H10" s="21">
        <v>1</v>
      </c>
      <c r="M10" s="22"/>
      <c r="N10" s="22"/>
      <c r="O10" s="22"/>
      <c r="P10" s="22"/>
      <c r="Q10" s="22"/>
      <c r="R10" s="22"/>
      <c r="S10" s="22"/>
    </row>
    <row r="11" spans="1:20">
      <c r="A11" s="103"/>
      <c r="B11" s="118" t="s">
        <v>181</v>
      </c>
      <c r="C11" s="20">
        <v>210</v>
      </c>
      <c r="D11" s="20">
        <v>635</v>
      </c>
      <c r="E11" s="20">
        <v>740</v>
      </c>
      <c r="F11" s="20">
        <v>931</v>
      </c>
      <c r="G11" s="20">
        <v>3</v>
      </c>
      <c r="H11" s="20">
        <v>2519</v>
      </c>
      <c r="M11" s="22"/>
      <c r="N11" s="22"/>
      <c r="O11" s="22"/>
      <c r="P11" s="22"/>
      <c r="Q11" s="22"/>
      <c r="R11" s="22"/>
      <c r="S11" s="22"/>
      <c r="T11" s="22"/>
    </row>
    <row r="12" spans="1:20">
      <c r="A12" s="88"/>
      <c r="B12" s="119"/>
      <c r="C12" s="21">
        <v>8.3000000000000004E-2</v>
      </c>
      <c r="D12" s="21">
        <v>0.252</v>
      </c>
      <c r="E12" s="21">
        <v>0.29399999999999998</v>
      </c>
      <c r="F12" s="21">
        <v>0.37</v>
      </c>
      <c r="G12" s="21">
        <v>1E-3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>
      <c r="A13" s="87" t="s">
        <v>168</v>
      </c>
      <c r="B13" s="116" t="s">
        <v>180</v>
      </c>
      <c r="C13" s="20">
        <v>46</v>
      </c>
      <c r="D13" s="20">
        <v>183</v>
      </c>
      <c r="E13" s="20">
        <v>213</v>
      </c>
      <c r="F13" s="20">
        <v>263</v>
      </c>
      <c r="G13" s="20">
        <v>1</v>
      </c>
      <c r="H13" s="20">
        <v>706</v>
      </c>
      <c r="M13" s="22"/>
      <c r="N13" s="22"/>
      <c r="O13" s="22"/>
      <c r="P13" s="22"/>
      <c r="Q13" s="22"/>
      <c r="R13" s="22"/>
      <c r="S13" s="22"/>
      <c r="T13" s="22"/>
    </row>
    <row r="14" spans="1:20">
      <c r="A14" s="103"/>
      <c r="B14" s="117"/>
      <c r="C14" s="21">
        <v>6.5000000000000002E-2</v>
      </c>
      <c r="D14" s="21">
        <v>0.25900000000000001</v>
      </c>
      <c r="E14" s="21">
        <v>0.30199999999999999</v>
      </c>
      <c r="F14" s="21">
        <v>0.373</v>
      </c>
      <c r="G14" s="21">
        <v>1E-3</v>
      </c>
      <c r="H14" s="21">
        <v>1</v>
      </c>
      <c r="M14" s="22"/>
      <c r="N14" s="22"/>
      <c r="O14" s="22"/>
      <c r="P14" s="22"/>
      <c r="Q14" s="22"/>
      <c r="R14" s="22"/>
      <c r="S14" s="22"/>
      <c r="T14" s="22"/>
    </row>
    <row r="15" spans="1:20">
      <c r="A15" s="103"/>
      <c r="B15" s="118" t="s">
        <v>181</v>
      </c>
      <c r="C15" s="20">
        <v>353</v>
      </c>
      <c r="D15" s="20">
        <v>1124</v>
      </c>
      <c r="E15" s="20">
        <v>1519</v>
      </c>
      <c r="F15" s="20">
        <v>1952</v>
      </c>
      <c r="G15" s="20">
        <v>13</v>
      </c>
      <c r="H15" s="20">
        <v>4961</v>
      </c>
      <c r="M15" s="22"/>
      <c r="N15" s="22"/>
      <c r="O15" s="22"/>
      <c r="P15" s="22"/>
      <c r="Q15" s="22"/>
      <c r="R15" s="22"/>
      <c r="S15" s="22"/>
      <c r="T15" s="22"/>
    </row>
    <row r="16" spans="1:20">
      <c r="A16" s="88"/>
      <c r="B16" s="119"/>
      <c r="C16" s="21">
        <v>7.0999999999999994E-2</v>
      </c>
      <c r="D16" s="21">
        <v>0.22700000000000001</v>
      </c>
      <c r="E16" s="21">
        <v>0.30599999999999999</v>
      </c>
      <c r="F16" s="21">
        <v>0.39300000000000002</v>
      </c>
      <c r="G16" s="21">
        <v>3.0000000000000001E-3</v>
      </c>
      <c r="H16" s="21">
        <v>1</v>
      </c>
      <c r="M16" s="22"/>
      <c r="N16" s="22"/>
      <c r="O16" s="22"/>
      <c r="P16" s="22"/>
      <c r="Q16" s="22"/>
      <c r="R16" s="22"/>
      <c r="S16" s="22"/>
      <c r="T16" s="22"/>
    </row>
    <row r="17" spans="1:20">
      <c r="A17" s="95" t="s">
        <v>564</v>
      </c>
      <c r="B17" s="116" t="s">
        <v>180</v>
      </c>
      <c r="C17" s="20">
        <v>61</v>
      </c>
      <c r="D17" s="20">
        <v>238</v>
      </c>
      <c r="E17" s="20">
        <v>398</v>
      </c>
      <c r="F17" s="20">
        <v>547</v>
      </c>
      <c r="G17" s="20">
        <v>5</v>
      </c>
      <c r="H17" s="20">
        <v>1249</v>
      </c>
      <c r="M17" s="22"/>
      <c r="N17" s="22"/>
      <c r="O17" s="22"/>
      <c r="P17" s="22"/>
      <c r="Q17" s="22"/>
      <c r="R17" s="22"/>
      <c r="S17" s="22"/>
      <c r="T17" s="22"/>
    </row>
    <row r="18" spans="1:20">
      <c r="A18" s="103"/>
      <c r="B18" s="117"/>
      <c r="C18" s="21">
        <v>4.9000000000000002E-2</v>
      </c>
      <c r="D18" s="21">
        <v>0.191</v>
      </c>
      <c r="E18" s="21">
        <v>0.31900000000000001</v>
      </c>
      <c r="F18" s="21">
        <v>0.438</v>
      </c>
      <c r="G18" s="21">
        <v>4.0000000000000001E-3</v>
      </c>
      <c r="H18" s="21">
        <v>1</v>
      </c>
      <c r="M18" s="22"/>
      <c r="N18" s="22"/>
      <c r="O18" s="22"/>
      <c r="P18" s="22"/>
      <c r="Q18" s="22"/>
      <c r="R18" s="22"/>
      <c r="S18" s="22"/>
      <c r="T18" s="22"/>
    </row>
    <row r="19" spans="1:20">
      <c r="A19" s="103"/>
      <c r="B19" s="118" t="s">
        <v>181</v>
      </c>
      <c r="C19" s="20">
        <v>338</v>
      </c>
      <c r="D19" s="20">
        <v>1069</v>
      </c>
      <c r="E19" s="20">
        <v>1334</v>
      </c>
      <c r="F19" s="20">
        <v>1668</v>
      </c>
      <c r="G19" s="20">
        <v>9</v>
      </c>
      <c r="H19" s="20">
        <v>4418</v>
      </c>
      <c r="M19" s="22"/>
      <c r="N19" s="22"/>
      <c r="O19" s="22"/>
      <c r="P19" s="22"/>
      <c r="Q19" s="22"/>
      <c r="R19" s="22"/>
      <c r="S19" s="22"/>
      <c r="T19" s="22"/>
    </row>
    <row r="20" spans="1:20">
      <c r="A20" s="88"/>
      <c r="B20" s="119"/>
      <c r="C20" s="21">
        <v>7.6999999999999999E-2</v>
      </c>
      <c r="D20" s="21">
        <v>0.24199999999999999</v>
      </c>
      <c r="E20" s="21">
        <v>0.30199999999999999</v>
      </c>
      <c r="F20" s="21">
        <v>0.378</v>
      </c>
      <c r="G20" s="21">
        <v>2E-3</v>
      </c>
      <c r="H20" s="21">
        <v>1</v>
      </c>
      <c r="M20" s="22"/>
      <c r="N20" s="22"/>
      <c r="O20" s="22"/>
      <c r="P20" s="22"/>
      <c r="Q20" s="22"/>
      <c r="R20" s="22"/>
      <c r="S20" s="22"/>
      <c r="T20" s="22"/>
    </row>
    <row r="21" spans="1:20">
      <c r="A21" s="95" t="s">
        <v>565</v>
      </c>
      <c r="B21" s="116" t="s">
        <v>180</v>
      </c>
      <c r="C21" s="20">
        <v>3</v>
      </c>
      <c r="D21" s="20">
        <v>22</v>
      </c>
      <c r="E21" s="20">
        <v>23</v>
      </c>
      <c r="F21" s="20">
        <v>33</v>
      </c>
      <c r="G21" s="20">
        <v>0</v>
      </c>
      <c r="H21" s="20">
        <v>81</v>
      </c>
      <c r="M21" s="22"/>
      <c r="N21" s="22"/>
      <c r="O21" s="22"/>
      <c r="P21" s="22"/>
      <c r="Q21" s="22"/>
      <c r="R21" s="22"/>
      <c r="S21" s="22"/>
      <c r="T21" s="22"/>
    </row>
    <row r="22" spans="1:20">
      <c r="A22" s="103"/>
      <c r="B22" s="117"/>
      <c r="C22" s="21">
        <v>3.6999999999999998E-2</v>
      </c>
      <c r="D22" s="21">
        <v>0.27200000000000002</v>
      </c>
      <c r="E22" s="21">
        <v>0.28399999999999997</v>
      </c>
      <c r="F22" s="21">
        <v>0.40699999999999997</v>
      </c>
      <c r="G22" s="21">
        <v>0</v>
      </c>
      <c r="H22" s="21">
        <v>1</v>
      </c>
      <c r="M22" s="22"/>
      <c r="N22" s="22"/>
      <c r="O22" s="22"/>
      <c r="P22" s="22"/>
      <c r="Q22" s="22"/>
      <c r="R22" s="22"/>
      <c r="S22" s="22"/>
      <c r="T22" s="22"/>
    </row>
    <row r="23" spans="1:20">
      <c r="A23" s="103"/>
      <c r="B23" s="118" t="s">
        <v>181</v>
      </c>
      <c r="C23" s="20">
        <v>396</v>
      </c>
      <c r="D23" s="20">
        <v>1285</v>
      </c>
      <c r="E23" s="20">
        <v>1709</v>
      </c>
      <c r="F23" s="20">
        <v>2182</v>
      </c>
      <c r="G23" s="20">
        <v>14</v>
      </c>
      <c r="H23" s="20">
        <v>5586</v>
      </c>
      <c r="M23" s="22"/>
      <c r="N23" s="22"/>
      <c r="O23" s="22"/>
      <c r="P23" s="22"/>
      <c r="Q23" s="22"/>
      <c r="R23" s="22"/>
      <c r="S23" s="22"/>
      <c r="T23" s="22"/>
    </row>
    <row r="24" spans="1:20">
      <c r="A24" s="88"/>
      <c r="B24" s="119"/>
      <c r="C24" s="21">
        <v>7.0999999999999994E-2</v>
      </c>
      <c r="D24" s="21">
        <v>0.23</v>
      </c>
      <c r="E24" s="21">
        <v>0.30599999999999999</v>
      </c>
      <c r="F24" s="21">
        <v>0.39100000000000001</v>
      </c>
      <c r="G24" s="21">
        <v>3.0000000000000001E-3</v>
      </c>
      <c r="H24" s="21">
        <v>1</v>
      </c>
      <c r="M24" s="22"/>
      <c r="N24" s="22"/>
      <c r="O24" s="22"/>
      <c r="P24" s="22"/>
      <c r="Q24" s="22"/>
      <c r="R24" s="22"/>
      <c r="S24" s="22"/>
      <c r="T24" s="22"/>
    </row>
    <row r="25" spans="1:20">
      <c r="A25" s="87" t="s">
        <v>169</v>
      </c>
      <c r="B25" s="116" t="s">
        <v>180</v>
      </c>
      <c r="C25" s="20">
        <v>13</v>
      </c>
      <c r="D25" s="20">
        <v>62</v>
      </c>
      <c r="E25" s="20">
        <v>105</v>
      </c>
      <c r="F25" s="20">
        <v>122</v>
      </c>
      <c r="G25" s="20">
        <v>1</v>
      </c>
      <c r="H25" s="20">
        <v>303</v>
      </c>
      <c r="M25" s="22"/>
      <c r="N25" s="22"/>
      <c r="O25" s="22"/>
      <c r="P25" s="22"/>
      <c r="Q25" s="22"/>
      <c r="R25" s="22"/>
      <c r="S25" s="22"/>
      <c r="T25" s="22"/>
    </row>
    <row r="26" spans="1:20">
      <c r="A26" s="103"/>
      <c r="B26" s="117"/>
      <c r="C26" s="21">
        <v>4.2999999999999997E-2</v>
      </c>
      <c r="D26" s="21">
        <v>0.20499999999999999</v>
      </c>
      <c r="E26" s="21">
        <v>0.34699999999999998</v>
      </c>
      <c r="F26" s="21">
        <v>0.40300000000000002</v>
      </c>
      <c r="G26" s="21">
        <v>3.0000000000000001E-3</v>
      </c>
      <c r="H26" s="21">
        <v>1</v>
      </c>
      <c r="M26" s="22"/>
      <c r="N26" s="22"/>
      <c r="O26" s="22"/>
      <c r="P26" s="22"/>
      <c r="Q26" s="22"/>
      <c r="R26" s="22"/>
      <c r="S26" s="22"/>
      <c r="T26" s="22"/>
    </row>
    <row r="27" spans="1:20">
      <c r="A27" s="103"/>
      <c r="B27" s="118" t="s">
        <v>181</v>
      </c>
      <c r="C27" s="20">
        <v>386</v>
      </c>
      <c r="D27" s="20">
        <v>1245</v>
      </c>
      <c r="E27" s="20">
        <v>1627</v>
      </c>
      <c r="F27" s="20">
        <v>2093</v>
      </c>
      <c r="G27" s="20">
        <v>13</v>
      </c>
      <c r="H27" s="20">
        <v>5364</v>
      </c>
      <c r="M27" s="22"/>
      <c r="N27" s="22"/>
      <c r="O27" s="22"/>
      <c r="P27" s="22"/>
      <c r="Q27" s="22"/>
      <c r="R27" s="22"/>
      <c r="S27" s="22"/>
      <c r="T27" s="22"/>
    </row>
    <row r="28" spans="1:20">
      <c r="A28" s="88"/>
      <c r="B28" s="119"/>
      <c r="C28" s="21">
        <v>7.1999999999999995E-2</v>
      </c>
      <c r="D28" s="21">
        <v>0.23200000000000001</v>
      </c>
      <c r="E28" s="21">
        <v>0.30299999999999999</v>
      </c>
      <c r="F28" s="21">
        <v>0.39</v>
      </c>
      <c r="G28" s="21">
        <v>2E-3</v>
      </c>
      <c r="H28" s="21">
        <v>1</v>
      </c>
      <c r="M28" s="22"/>
      <c r="N28" s="22"/>
      <c r="O28" s="22"/>
      <c r="P28" s="22"/>
      <c r="Q28" s="22"/>
      <c r="R28" s="22"/>
      <c r="S28" s="22"/>
      <c r="T28" s="22"/>
    </row>
    <row r="29" spans="1:20">
      <c r="A29" s="15" t="s">
        <v>170</v>
      </c>
      <c r="B29" s="116" t="s">
        <v>180</v>
      </c>
      <c r="C29" s="20">
        <v>111</v>
      </c>
      <c r="D29" s="20">
        <v>308</v>
      </c>
      <c r="E29" s="20">
        <v>328</v>
      </c>
      <c r="F29" s="20">
        <v>343</v>
      </c>
      <c r="G29" s="20">
        <v>3</v>
      </c>
      <c r="H29" s="20">
        <v>1093</v>
      </c>
      <c r="M29" s="22"/>
      <c r="N29" s="22"/>
      <c r="O29" s="22"/>
      <c r="P29" s="22"/>
      <c r="Q29" s="22"/>
      <c r="R29" s="22"/>
      <c r="S29" s="22"/>
      <c r="T29" s="22"/>
    </row>
    <row r="30" spans="1:20">
      <c r="A30" s="16"/>
      <c r="B30" s="117"/>
      <c r="C30" s="21">
        <v>0.10199999999999999</v>
      </c>
      <c r="D30" s="21">
        <v>0.28199999999999997</v>
      </c>
      <c r="E30" s="21">
        <v>0.3</v>
      </c>
      <c r="F30" s="21">
        <v>0.314</v>
      </c>
      <c r="G30" s="21">
        <v>3.0000000000000001E-3</v>
      </c>
      <c r="H30" s="21">
        <v>1</v>
      </c>
      <c r="M30" s="22"/>
      <c r="N30" s="22"/>
      <c r="O30" s="22"/>
      <c r="P30" s="22"/>
      <c r="Q30" s="22"/>
      <c r="R30" s="22"/>
      <c r="S30" s="22"/>
      <c r="T30" s="22"/>
    </row>
    <row r="31" spans="1:20">
      <c r="A31" s="19"/>
      <c r="B31" s="118" t="s">
        <v>181</v>
      </c>
      <c r="C31" s="20">
        <v>288</v>
      </c>
      <c r="D31" s="20">
        <v>999</v>
      </c>
      <c r="E31" s="20">
        <v>1404</v>
      </c>
      <c r="F31" s="20">
        <v>1872</v>
      </c>
      <c r="G31" s="20">
        <v>11</v>
      </c>
      <c r="H31" s="20">
        <v>4574</v>
      </c>
      <c r="M31" s="22"/>
      <c r="N31" s="22"/>
      <c r="O31" s="22"/>
      <c r="P31" s="22"/>
      <c r="Q31" s="22"/>
      <c r="R31" s="22"/>
      <c r="S31" s="22"/>
      <c r="T31" s="22"/>
    </row>
    <row r="32" spans="1:20">
      <c r="A32" s="17"/>
      <c r="B32" s="119"/>
      <c r="C32" s="21">
        <v>6.3E-2</v>
      </c>
      <c r="D32" s="21">
        <v>0.218</v>
      </c>
      <c r="E32" s="21">
        <v>0.307</v>
      </c>
      <c r="F32" s="21">
        <v>0.40899999999999997</v>
      </c>
      <c r="G32" s="21">
        <v>2E-3</v>
      </c>
      <c r="H32" s="21">
        <v>1</v>
      </c>
      <c r="M32" s="22"/>
      <c r="N32" s="22"/>
      <c r="O32" s="22"/>
      <c r="P32" s="22"/>
      <c r="Q32" s="22"/>
      <c r="R32" s="22"/>
      <c r="S32" s="22"/>
      <c r="T32" s="22"/>
    </row>
    <row r="33" spans="1:20">
      <c r="A33" s="95" t="s">
        <v>566</v>
      </c>
      <c r="B33" s="116" t="s">
        <v>180</v>
      </c>
      <c r="C33" s="20">
        <v>22</v>
      </c>
      <c r="D33" s="20">
        <v>50</v>
      </c>
      <c r="E33" s="20">
        <v>48</v>
      </c>
      <c r="F33" s="20">
        <v>66</v>
      </c>
      <c r="G33" s="20">
        <v>1</v>
      </c>
      <c r="H33" s="20">
        <v>187</v>
      </c>
      <c r="M33" s="22"/>
      <c r="N33" s="22"/>
      <c r="O33" s="22"/>
      <c r="P33" s="22"/>
      <c r="Q33" s="22"/>
      <c r="R33" s="22"/>
      <c r="S33" s="22"/>
      <c r="T33" s="22"/>
    </row>
    <row r="34" spans="1:20">
      <c r="A34" s="103"/>
      <c r="B34" s="117"/>
      <c r="C34" s="21">
        <v>0.11799999999999999</v>
      </c>
      <c r="D34" s="21">
        <v>0.26700000000000002</v>
      </c>
      <c r="E34" s="21">
        <v>0.25700000000000001</v>
      </c>
      <c r="F34" s="21">
        <v>0.35299999999999998</v>
      </c>
      <c r="G34" s="21">
        <v>5.0000000000000001E-3</v>
      </c>
      <c r="H34" s="21">
        <v>1</v>
      </c>
      <c r="M34" s="22"/>
      <c r="N34" s="22"/>
      <c r="O34" s="22"/>
      <c r="P34" s="22"/>
      <c r="Q34" s="22"/>
      <c r="R34" s="22"/>
      <c r="S34" s="22"/>
      <c r="T34" s="22"/>
    </row>
    <row r="35" spans="1:20">
      <c r="A35" s="103"/>
      <c r="B35" s="118" t="s">
        <v>181</v>
      </c>
      <c r="C35" s="20">
        <v>377</v>
      </c>
      <c r="D35" s="20">
        <v>1257</v>
      </c>
      <c r="E35" s="20">
        <v>1684</v>
      </c>
      <c r="F35" s="20">
        <v>2149</v>
      </c>
      <c r="G35" s="20">
        <v>13</v>
      </c>
      <c r="H35" s="20">
        <v>5480</v>
      </c>
      <c r="M35" s="22"/>
      <c r="N35" s="22"/>
      <c r="O35" s="22"/>
      <c r="P35" s="22"/>
      <c r="Q35" s="22"/>
      <c r="R35" s="22"/>
      <c r="S35" s="22"/>
      <c r="T35" s="22"/>
    </row>
    <row r="36" spans="1:20">
      <c r="A36" s="88"/>
      <c r="B36" s="119"/>
      <c r="C36" s="21">
        <v>6.9000000000000006E-2</v>
      </c>
      <c r="D36" s="21">
        <v>0.22900000000000001</v>
      </c>
      <c r="E36" s="21">
        <v>0.307</v>
      </c>
      <c r="F36" s="21">
        <v>0.39200000000000002</v>
      </c>
      <c r="G36" s="21">
        <v>2E-3</v>
      </c>
      <c r="H36" s="21">
        <v>1</v>
      </c>
      <c r="M36" s="22"/>
      <c r="N36" s="22"/>
      <c r="O36" s="22"/>
      <c r="P36" s="22"/>
      <c r="Q36" s="22"/>
      <c r="R36" s="22"/>
      <c r="S36" s="22"/>
      <c r="T36" s="22"/>
    </row>
    <row r="37" spans="1:20">
      <c r="A37" s="87" t="s">
        <v>172</v>
      </c>
      <c r="B37" s="116" t="s">
        <v>180</v>
      </c>
      <c r="C37" s="20">
        <v>47</v>
      </c>
      <c r="D37" s="20">
        <v>154</v>
      </c>
      <c r="E37" s="20">
        <v>270</v>
      </c>
      <c r="F37" s="20">
        <v>376</v>
      </c>
      <c r="G37" s="20">
        <v>1</v>
      </c>
      <c r="H37" s="20">
        <v>848</v>
      </c>
      <c r="M37" s="22"/>
      <c r="N37" s="22"/>
      <c r="O37" s="22"/>
      <c r="P37" s="22"/>
      <c r="Q37" s="22"/>
      <c r="R37" s="22"/>
      <c r="S37" s="22"/>
      <c r="T37" s="22"/>
    </row>
    <row r="38" spans="1:20">
      <c r="A38" s="103"/>
      <c r="B38" s="117"/>
      <c r="C38" s="21">
        <v>5.5E-2</v>
      </c>
      <c r="D38" s="21">
        <v>0.182</v>
      </c>
      <c r="E38" s="21">
        <v>0.318</v>
      </c>
      <c r="F38" s="21">
        <v>0.443</v>
      </c>
      <c r="G38" s="21">
        <v>1E-3</v>
      </c>
      <c r="H38" s="21">
        <v>1</v>
      </c>
      <c r="M38" s="22"/>
      <c r="N38" s="22"/>
      <c r="O38" s="22"/>
      <c r="P38" s="22"/>
      <c r="Q38" s="22"/>
      <c r="R38" s="22"/>
      <c r="S38" s="22"/>
      <c r="T38" s="22"/>
    </row>
    <row r="39" spans="1:20">
      <c r="A39" s="103"/>
      <c r="B39" s="118" t="s">
        <v>181</v>
      </c>
      <c r="C39" s="20">
        <v>352</v>
      </c>
      <c r="D39" s="20">
        <v>1153</v>
      </c>
      <c r="E39" s="20">
        <v>1462</v>
      </c>
      <c r="F39" s="20">
        <v>1839</v>
      </c>
      <c r="G39" s="20">
        <v>13</v>
      </c>
      <c r="H39" s="20">
        <v>4819</v>
      </c>
      <c r="M39" s="22"/>
      <c r="N39" s="22"/>
      <c r="O39" s="22"/>
      <c r="P39" s="22"/>
      <c r="Q39" s="22"/>
      <c r="R39" s="22"/>
      <c r="S39" s="22"/>
      <c r="T39" s="22"/>
    </row>
    <row r="40" spans="1:20">
      <c r="A40" s="88"/>
      <c r="B40" s="119"/>
      <c r="C40" s="21">
        <v>7.2999999999999995E-2</v>
      </c>
      <c r="D40" s="21">
        <v>0.23899999999999999</v>
      </c>
      <c r="E40" s="21">
        <v>0.30299999999999999</v>
      </c>
      <c r="F40" s="21">
        <v>0.38200000000000001</v>
      </c>
      <c r="G40" s="21">
        <v>3.0000000000000001E-3</v>
      </c>
      <c r="H40" s="21">
        <v>1</v>
      </c>
      <c r="M40" s="22"/>
      <c r="N40" s="22"/>
      <c r="O40" s="22"/>
      <c r="P40" s="22"/>
      <c r="Q40" s="22"/>
      <c r="R40" s="22"/>
      <c r="S40" s="22"/>
      <c r="T40" s="22"/>
    </row>
    <row r="41" spans="1:20">
      <c r="A41" s="87" t="s">
        <v>173</v>
      </c>
      <c r="B41" s="116" t="s">
        <v>180</v>
      </c>
      <c r="C41" s="20">
        <v>9</v>
      </c>
      <c r="D41" s="20">
        <v>34</v>
      </c>
      <c r="E41" s="20">
        <v>32</v>
      </c>
      <c r="F41" s="20">
        <v>55</v>
      </c>
      <c r="G41" s="20">
        <v>1</v>
      </c>
      <c r="H41" s="20">
        <v>131</v>
      </c>
      <c r="M41" s="22"/>
      <c r="N41" s="22"/>
      <c r="O41" s="22"/>
      <c r="P41" s="22"/>
      <c r="Q41" s="22"/>
      <c r="R41" s="22"/>
      <c r="S41" s="22"/>
      <c r="T41" s="22"/>
    </row>
    <row r="42" spans="1:20">
      <c r="A42" s="103"/>
      <c r="B42" s="117"/>
      <c r="C42" s="21">
        <v>6.9000000000000006E-2</v>
      </c>
      <c r="D42" s="21">
        <v>0.26</v>
      </c>
      <c r="E42" s="21">
        <v>0.24399999999999999</v>
      </c>
      <c r="F42" s="21">
        <v>0.42</v>
      </c>
      <c r="G42" s="21">
        <v>8.0000000000000002E-3</v>
      </c>
      <c r="H42" s="21">
        <v>1</v>
      </c>
      <c r="M42" s="22"/>
      <c r="N42" s="22"/>
      <c r="O42" s="22"/>
      <c r="P42" s="22"/>
      <c r="Q42" s="22"/>
      <c r="R42" s="22"/>
      <c r="S42" s="22"/>
      <c r="T42" s="22"/>
    </row>
    <row r="43" spans="1:20">
      <c r="A43" s="103"/>
      <c r="B43" s="118" t="s">
        <v>181</v>
      </c>
      <c r="C43" s="20">
        <v>390</v>
      </c>
      <c r="D43" s="20">
        <v>1273</v>
      </c>
      <c r="E43" s="20">
        <v>1700</v>
      </c>
      <c r="F43" s="20">
        <v>2160</v>
      </c>
      <c r="G43" s="20">
        <v>13</v>
      </c>
      <c r="H43" s="20">
        <v>5536</v>
      </c>
      <c r="M43" s="22"/>
      <c r="N43" s="22"/>
      <c r="O43" s="22"/>
      <c r="P43" s="22"/>
      <c r="Q43" s="22"/>
      <c r="R43" s="22"/>
      <c r="S43" s="22"/>
      <c r="T43" s="22"/>
    </row>
    <row r="44" spans="1:20">
      <c r="A44" s="88"/>
      <c r="B44" s="119"/>
      <c r="C44" s="21">
        <v>7.0000000000000007E-2</v>
      </c>
      <c r="D44" s="21">
        <v>0.23</v>
      </c>
      <c r="E44" s="21">
        <v>0.307</v>
      </c>
      <c r="F44" s="21">
        <v>0.39</v>
      </c>
      <c r="G44" s="21">
        <v>2E-3</v>
      </c>
      <c r="H44" s="21">
        <v>1</v>
      </c>
      <c r="M44" s="22"/>
      <c r="N44" s="22"/>
      <c r="O44" s="22"/>
      <c r="P44" s="22"/>
      <c r="Q44" s="22"/>
      <c r="R44" s="22"/>
      <c r="S44" s="22"/>
      <c r="T44" s="22"/>
    </row>
    <row r="45" spans="1:20">
      <c r="A45" s="112" t="s">
        <v>15</v>
      </c>
      <c r="B45" s="113"/>
      <c r="C45" s="20">
        <v>399</v>
      </c>
      <c r="D45" s="20">
        <v>1307</v>
      </c>
      <c r="E45" s="20">
        <v>1732</v>
      </c>
      <c r="F45" s="20">
        <v>2215</v>
      </c>
      <c r="G45" s="20">
        <v>14</v>
      </c>
      <c r="H45" s="20">
        <v>5667</v>
      </c>
      <c r="M45" s="22"/>
      <c r="N45" s="22"/>
      <c r="O45" s="22"/>
      <c r="P45" s="22"/>
      <c r="Q45" s="22"/>
      <c r="R45" s="22"/>
    </row>
    <row r="46" spans="1:20">
      <c r="A46" s="114"/>
      <c r="B46" s="115"/>
      <c r="C46" s="21">
        <v>7.0000000000000007E-2</v>
      </c>
      <c r="D46" s="21">
        <v>0.23100000000000001</v>
      </c>
      <c r="E46" s="21">
        <v>0.30599999999999999</v>
      </c>
      <c r="F46" s="21">
        <v>0.39100000000000001</v>
      </c>
      <c r="G46" s="21">
        <v>2E-3</v>
      </c>
      <c r="H46" s="21">
        <v>1</v>
      </c>
      <c r="M46" s="22"/>
      <c r="N46" s="22"/>
      <c r="O46" s="22"/>
      <c r="P46" s="22"/>
      <c r="Q46" s="22"/>
      <c r="R46" s="22"/>
      <c r="S46" s="22"/>
      <c r="T46" s="22"/>
    </row>
    <row r="47" spans="1:20">
      <c r="A47" s="80" t="s">
        <v>217</v>
      </c>
      <c r="B47" s="80"/>
      <c r="C47" s="80"/>
      <c r="D47" s="80"/>
      <c r="E47" s="80"/>
      <c r="F47" s="80"/>
      <c r="G47" s="80"/>
      <c r="H47" s="80"/>
      <c r="M47" s="22"/>
      <c r="N47" s="22"/>
      <c r="O47" s="22"/>
      <c r="P47" s="22"/>
      <c r="Q47" s="22"/>
      <c r="R47" s="22"/>
    </row>
    <row r="48" spans="1:20">
      <c r="B48" s="14"/>
      <c r="C48" s="25"/>
      <c r="D48" s="25"/>
      <c r="E48" s="25"/>
      <c r="F48" s="25"/>
      <c r="G48" s="25"/>
      <c r="H48" s="25"/>
      <c r="M48" s="22"/>
      <c r="N48" s="22"/>
      <c r="O48" s="22"/>
      <c r="P48" s="22"/>
      <c r="Q48" s="22"/>
      <c r="R48" s="22"/>
    </row>
    <row r="49" spans="13:18">
      <c r="M49" s="22"/>
      <c r="N49" s="22"/>
      <c r="O49" s="22"/>
      <c r="P49" s="22"/>
      <c r="Q49" s="22"/>
      <c r="R49" s="22"/>
    </row>
  </sheetData>
  <mergeCells count="34">
    <mergeCell ref="A1:H1"/>
    <mergeCell ref="A3:B4"/>
    <mergeCell ref="C3:H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H4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6"/>
  <dimension ref="A1:S49"/>
  <sheetViews>
    <sheetView workbookViewId="0">
      <selection activeCell="A2" sqref="A2"/>
    </sheetView>
  </sheetViews>
  <sheetFormatPr defaultColWidth="9" defaultRowHeight="14.25"/>
  <cols>
    <col min="1" max="1" width="16.25" style="18" customWidth="1"/>
    <col min="2" max="2" width="7.5" style="54" customWidth="1"/>
    <col min="3" max="7" width="9" style="18" customWidth="1"/>
    <col min="8" max="11" width="9" style="18"/>
    <col min="12" max="12" width="10.75" style="18" bestFit="1" customWidth="1"/>
    <col min="13" max="13" width="9.75" style="18" bestFit="1" customWidth="1"/>
    <col min="14" max="14" width="9.125" style="18" bestFit="1" customWidth="1"/>
    <col min="15" max="15" width="10.75" style="18" bestFit="1" customWidth="1"/>
    <col min="16" max="16384" width="9" style="18"/>
  </cols>
  <sheetData>
    <row r="1" spans="1:19">
      <c r="A1" s="120" t="s">
        <v>567</v>
      </c>
      <c r="B1" s="120"/>
      <c r="C1" s="120"/>
      <c r="D1" s="120"/>
      <c r="E1" s="120"/>
      <c r="F1" s="120"/>
      <c r="G1" s="120"/>
    </row>
    <row r="2" spans="1:19">
      <c r="A2" s="121" t="s">
        <v>613</v>
      </c>
      <c r="B2" s="57"/>
      <c r="C2" s="42"/>
      <c r="D2" s="42"/>
      <c r="E2" s="42"/>
      <c r="F2" s="42"/>
      <c r="G2" s="42"/>
    </row>
    <row r="3" spans="1:19">
      <c r="A3" s="84" t="s">
        <v>177</v>
      </c>
      <c r="B3" s="84"/>
      <c r="C3" s="76" t="s">
        <v>127</v>
      </c>
      <c r="D3" s="76"/>
      <c r="E3" s="76"/>
      <c r="F3" s="76"/>
      <c r="G3" s="76"/>
    </row>
    <row r="4" spans="1:19" ht="28.5">
      <c r="A4" s="84"/>
      <c r="B4" s="84"/>
      <c r="C4" s="11" t="s">
        <v>43</v>
      </c>
      <c r="D4" s="11" t="s">
        <v>103</v>
      </c>
      <c r="E4" s="11" t="s">
        <v>44</v>
      </c>
      <c r="F4" s="11" t="s">
        <v>22</v>
      </c>
      <c r="G4" s="11" t="s">
        <v>15</v>
      </c>
    </row>
    <row r="5" spans="1:19">
      <c r="A5" s="95" t="s">
        <v>563</v>
      </c>
      <c r="B5" s="116" t="s">
        <v>180</v>
      </c>
      <c r="C5" s="20">
        <v>154</v>
      </c>
      <c r="D5" s="20">
        <v>262</v>
      </c>
      <c r="E5" s="20">
        <v>1105</v>
      </c>
      <c r="F5" s="20">
        <v>7</v>
      </c>
      <c r="G5" s="20">
        <v>1528</v>
      </c>
    </row>
    <row r="6" spans="1:19" s="26" customFormat="1">
      <c r="A6" s="102"/>
      <c r="B6" s="117"/>
      <c r="C6" s="21">
        <v>0.10100000000000001</v>
      </c>
      <c r="D6" s="21">
        <v>0.17100000000000001</v>
      </c>
      <c r="E6" s="21">
        <v>0.72299999999999998</v>
      </c>
      <c r="F6" s="21">
        <v>5.0000000000000001E-3</v>
      </c>
      <c r="G6" s="21">
        <v>1</v>
      </c>
      <c r="R6" s="18"/>
    </row>
    <row r="7" spans="1:19">
      <c r="A7" s="102"/>
      <c r="B7" s="118" t="s">
        <v>181</v>
      </c>
      <c r="C7" s="20">
        <v>406</v>
      </c>
      <c r="D7" s="20">
        <v>793</v>
      </c>
      <c r="E7" s="20">
        <v>2920</v>
      </c>
      <c r="F7" s="20">
        <v>20</v>
      </c>
      <c r="G7" s="20">
        <v>4139</v>
      </c>
      <c r="L7" s="22"/>
      <c r="M7" s="22"/>
      <c r="N7" s="22"/>
      <c r="O7" s="22"/>
      <c r="P7" s="22"/>
      <c r="Q7" s="22"/>
      <c r="R7" s="22"/>
      <c r="S7" s="22"/>
    </row>
    <row r="8" spans="1:19">
      <c r="A8" s="99"/>
      <c r="B8" s="119"/>
      <c r="C8" s="21">
        <v>9.8000000000000004E-2</v>
      </c>
      <c r="D8" s="21">
        <v>0.192</v>
      </c>
      <c r="E8" s="21">
        <v>0.70499999999999996</v>
      </c>
      <c r="F8" s="21">
        <v>5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87" t="s">
        <v>178</v>
      </c>
      <c r="B9" s="116" t="s">
        <v>180</v>
      </c>
      <c r="C9" s="20">
        <v>306</v>
      </c>
      <c r="D9" s="20">
        <v>606</v>
      </c>
      <c r="E9" s="20">
        <v>2222</v>
      </c>
      <c r="F9" s="20">
        <v>14</v>
      </c>
      <c r="G9" s="20">
        <v>3148</v>
      </c>
      <c r="L9" s="22"/>
      <c r="M9" s="22"/>
      <c r="N9" s="22"/>
      <c r="O9" s="22"/>
      <c r="P9" s="22"/>
    </row>
    <row r="10" spans="1:19">
      <c r="A10" s="103"/>
      <c r="B10" s="117"/>
      <c r="C10" s="21">
        <v>9.7000000000000003E-2</v>
      </c>
      <c r="D10" s="21">
        <v>0.193</v>
      </c>
      <c r="E10" s="21">
        <v>0.70599999999999996</v>
      </c>
      <c r="F10" s="21">
        <v>4.0000000000000001E-3</v>
      </c>
      <c r="G10" s="21">
        <v>1</v>
      </c>
      <c r="L10" s="22"/>
      <c r="M10" s="22"/>
      <c r="N10" s="22"/>
      <c r="O10" s="22"/>
      <c r="P10" s="22"/>
      <c r="Q10" s="22"/>
      <c r="R10" s="22"/>
    </row>
    <row r="11" spans="1:19">
      <c r="A11" s="103"/>
      <c r="B11" s="118" t="s">
        <v>181</v>
      </c>
      <c r="C11" s="20">
        <v>254</v>
      </c>
      <c r="D11" s="20">
        <v>449</v>
      </c>
      <c r="E11" s="20">
        <v>1803</v>
      </c>
      <c r="F11" s="20">
        <v>13</v>
      </c>
      <c r="G11" s="20">
        <v>2519</v>
      </c>
      <c r="L11" s="22"/>
      <c r="M11" s="22"/>
      <c r="N11" s="22"/>
      <c r="O11" s="22"/>
      <c r="P11" s="22"/>
      <c r="Q11" s="22"/>
      <c r="R11" s="22"/>
      <c r="S11" s="22"/>
    </row>
    <row r="12" spans="1:19">
      <c r="A12" s="88"/>
      <c r="B12" s="119"/>
      <c r="C12" s="21">
        <v>0.10100000000000001</v>
      </c>
      <c r="D12" s="21">
        <v>0.17799999999999999</v>
      </c>
      <c r="E12" s="21">
        <v>0.71599999999999997</v>
      </c>
      <c r="F12" s="21">
        <v>5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7" t="s">
        <v>168</v>
      </c>
      <c r="B13" s="116" t="s">
        <v>180</v>
      </c>
      <c r="C13" s="20">
        <v>77</v>
      </c>
      <c r="D13" s="20">
        <v>140</v>
      </c>
      <c r="E13" s="20">
        <v>484</v>
      </c>
      <c r="F13" s="20">
        <v>5</v>
      </c>
      <c r="G13" s="20">
        <v>706</v>
      </c>
      <c r="L13" s="22"/>
      <c r="M13" s="22"/>
      <c r="N13" s="22"/>
      <c r="O13" s="22"/>
      <c r="P13" s="22"/>
      <c r="Q13" s="22"/>
      <c r="R13" s="22"/>
      <c r="S13" s="22"/>
    </row>
    <row r="14" spans="1:19">
      <c r="A14" s="103"/>
      <c r="B14" s="117"/>
      <c r="C14" s="21">
        <v>0.109</v>
      </c>
      <c r="D14" s="21">
        <v>0.19800000000000001</v>
      </c>
      <c r="E14" s="21">
        <v>0.68600000000000005</v>
      </c>
      <c r="F14" s="21">
        <v>7.000000000000000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103"/>
      <c r="B15" s="118" t="s">
        <v>181</v>
      </c>
      <c r="C15" s="20">
        <v>483</v>
      </c>
      <c r="D15" s="20">
        <v>915</v>
      </c>
      <c r="E15" s="20">
        <v>3541</v>
      </c>
      <c r="F15" s="20">
        <v>22</v>
      </c>
      <c r="G15" s="20">
        <v>4961</v>
      </c>
      <c r="L15" s="22"/>
      <c r="M15" s="22"/>
      <c r="N15" s="22"/>
      <c r="O15" s="22"/>
      <c r="P15" s="22"/>
      <c r="Q15" s="22"/>
      <c r="R15" s="22"/>
      <c r="S15" s="22"/>
    </row>
    <row r="16" spans="1:19">
      <c r="A16" s="88"/>
      <c r="B16" s="119"/>
      <c r="C16" s="21">
        <v>9.7000000000000003E-2</v>
      </c>
      <c r="D16" s="21">
        <v>0.184</v>
      </c>
      <c r="E16" s="21">
        <v>0.71399999999999997</v>
      </c>
      <c r="F16" s="21">
        <v>4.0000000000000001E-3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9">
      <c r="A17" s="95" t="s">
        <v>564</v>
      </c>
      <c r="B17" s="116" t="s">
        <v>180</v>
      </c>
      <c r="C17" s="20">
        <v>114</v>
      </c>
      <c r="D17" s="20">
        <v>245</v>
      </c>
      <c r="E17" s="20">
        <v>886</v>
      </c>
      <c r="F17" s="20">
        <v>4</v>
      </c>
      <c r="G17" s="20">
        <v>1249</v>
      </c>
      <c r="L17" s="22"/>
      <c r="M17" s="22"/>
      <c r="N17" s="22"/>
      <c r="O17" s="22"/>
      <c r="P17" s="22"/>
      <c r="Q17" s="22"/>
      <c r="R17" s="22"/>
      <c r="S17" s="22"/>
    </row>
    <row r="18" spans="1:19">
      <c r="A18" s="103"/>
      <c r="B18" s="117"/>
      <c r="C18" s="21">
        <v>9.0999999999999998E-2</v>
      </c>
      <c r="D18" s="21">
        <v>0.19600000000000001</v>
      </c>
      <c r="E18" s="21">
        <v>0.70899999999999996</v>
      </c>
      <c r="F18" s="21">
        <v>3.0000000000000001E-3</v>
      </c>
      <c r="G18" s="21">
        <v>1</v>
      </c>
      <c r="L18" s="22"/>
      <c r="M18" s="22"/>
      <c r="N18" s="22"/>
      <c r="O18" s="22"/>
      <c r="P18" s="22"/>
      <c r="Q18" s="22"/>
      <c r="R18" s="22"/>
      <c r="S18" s="22"/>
    </row>
    <row r="19" spans="1:19">
      <c r="A19" s="103"/>
      <c r="B19" s="118" t="s">
        <v>181</v>
      </c>
      <c r="C19" s="20">
        <v>446</v>
      </c>
      <c r="D19" s="20">
        <v>810</v>
      </c>
      <c r="E19" s="20">
        <v>3139</v>
      </c>
      <c r="F19" s="20">
        <v>23</v>
      </c>
      <c r="G19" s="20">
        <v>4418</v>
      </c>
      <c r="L19" s="22"/>
      <c r="M19" s="22"/>
      <c r="N19" s="22"/>
      <c r="O19" s="22"/>
      <c r="P19" s="22"/>
      <c r="Q19" s="22"/>
      <c r="R19" s="22"/>
      <c r="S19" s="22"/>
    </row>
    <row r="20" spans="1:19">
      <c r="A20" s="88"/>
      <c r="B20" s="119"/>
      <c r="C20" s="21">
        <v>0.10100000000000001</v>
      </c>
      <c r="D20" s="21">
        <v>0.183</v>
      </c>
      <c r="E20" s="21">
        <v>0.71099999999999997</v>
      </c>
      <c r="F20" s="21">
        <v>5.0000000000000001E-3</v>
      </c>
      <c r="G20" s="21">
        <v>1</v>
      </c>
      <c r="L20" s="22"/>
      <c r="M20" s="22"/>
      <c r="N20" s="22"/>
      <c r="O20" s="22"/>
      <c r="P20" s="22"/>
      <c r="Q20" s="22"/>
      <c r="R20" s="22"/>
      <c r="S20" s="22"/>
    </row>
    <row r="21" spans="1:19">
      <c r="A21" s="95" t="s">
        <v>565</v>
      </c>
      <c r="B21" s="116" t="s">
        <v>180</v>
      </c>
      <c r="C21" s="20">
        <v>10</v>
      </c>
      <c r="D21" s="20">
        <v>11</v>
      </c>
      <c r="E21" s="20">
        <v>60</v>
      </c>
      <c r="F21" s="20">
        <v>0</v>
      </c>
      <c r="G21" s="20">
        <v>81</v>
      </c>
      <c r="L21" s="22"/>
      <c r="M21" s="22"/>
      <c r="N21" s="22"/>
      <c r="O21" s="22"/>
      <c r="P21" s="22"/>
      <c r="Q21" s="22"/>
      <c r="R21" s="22"/>
      <c r="S21" s="22"/>
    </row>
    <row r="22" spans="1:19">
      <c r="A22" s="103"/>
      <c r="B22" s="117"/>
      <c r="C22" s="21">
        <v>0.123</v>
      </c>
      <c r="D22" s="21">
        <v>0.13600000000000001</v>
      </c>
      <c r="E22" s="21">
        <v>0.74099999999999999</v>
      </c>
      <c r="F22" s="21">
        <v>0</v>
      </c>
      <c r="G22" s="21">
        <v>1</v>
      </c>
      <c r="L22" s="22"/>
      <c r="M22" s="22"/>
      <c r="N22" s="22"/>
      <c r="O22" s="22"/>
      <c r="P22" s="22"/>
      <c r="Q22" s="22"/>
      <c r="R22" s="22"/>
      <c r="S22" s="22"/>
    </row>
    <row r="23" spans="1:19">
      <c r="A23" s="103"/>
      <c r="B23" s="118" t="s">
        <v>181</v>
      </c>
      <c r="C23" s="20">
        <v>550</v>
      </c>
      <c r="D23" s="20">
        <v>1044</v>
      </c>
      <c r="E23" s="20">
        <v>3965</v>
      </c>
      <c r="F23" s="20">
        <v>27</v>
      </c>
      <c r="G23" s="20">
        <v>5586</v>
      </c>
      <c r="L23" s="22"/>
      <c r="M23" s="22"/>
      <c r="N23" s="22"/>
      <c r="O23" s="22"/>
      <c r="P23" s="22"/>
      <c r="Q23" s="22"/>
      <c r="R23" s="22"/>
      <c r="S23" s="22"/>
    </row>
    <row r="24" spans="1:19">
      <c r="A24" s="88"/>
      <c r="B24" s="119"/>
      <c r="C24" s="21">
        <v>9.8000000000000004E-2</v>
      </c>
      <c r="D24" s="21">
        <v>0.187</v>
      </c>
      <c r="E24" s="21">
        <v>0.71</v>
      </c>
      <c r="F24" s="21">
        <v>5.0000000000000001E-3</v>
      </c>
      <c r="G24" s="21">
        <v>1</v>
      </c>
      <c r="L24" s="22"/>
      <c r="M24" s="22"/>
      <c r="N24" s="22"/>
      <c r="O24" s="22"/>
      <c r="P24" s="22"/>
      <c r="Q24" s="22"/>
      <c r="R24" s="22"/>
      <c r="S24" s="22"/>
    </row>
    <row r="25" spans="1:19">
      <c r="A25" s="87" t="s">
        <v>169</v>
      </c>
      <c r="B25" s="116" t="s">
        <v>180</v>
      </c>
      <c r="C25" s="20">
        <v>25</v>
      </c>
      <c r="D25" s="20">
        <v>60</v>
      </c>
      <c r="E25" s="20">
        <v>218</v>
      </c>
      <c r="F25" s="20">
        <v>0</v>
      </c>
      <c r="G25" s="20">
        <v>303</v>
      </c>
      <c r="L25" s="22"/>
      <c r="M25" s="22"/>
      <c r="N25" s="22"/>
      <c r="O25" s="22"/>
      <c r="P25" s="22"/>
      <c r="Q25" s="22"/>
      <c r="R25" s="22"/>
      <c r="S25" s="22"/>
    </row>
    <row r="26" spans="1:19">
      <c r="A26" s="103"/>
      <c r="B26" s="117"/>
      <c r="C26" s="21">
        <v>8.3000000000000004E-2</v>
      </c>
      <c r="D26" s="21">
        <v>0.19800000000000001</v>
      </c>
      <c r="E26" s="21">
        <v>0.71899999999999997</v>
      </c>
      <c r="F26" s="21">
        <v>0</v>
      </c>
      <c r="G26" s="21">
        <v>1</v>
      </c>
      <c r="L26" s="22"/>
      <c r="M26" s="22"/>
      <c r="N26" s="22"/>
      <c r="O26" s="22"/>
      <c r="P26" s="22"/>
      <c r="Q26" s="22"/>
      <c r="R26" s="22"/>
      <c r="S26" s="22"/>
    </row>
    <row r="27" spans="1:19">
      <c r="A27" s="103"/>
      <c r="B27" s="118" t="s">
        <v>181</v>
      </c>
      <c r="C27" s="20">
        <v>535</v>
      </c>
      <c r="D27" s="20">
        <v>995</v>
      </c>
      <c r="E27" s="20">
        <v>3807</v>
      </c>
      <c r="F27" s="20">
        <v>27</v>
      </c>
      <c r="G27" s="20">
        <v>5364</v>
      </c>
      <c r="L27" s="22"/>
      <c r="M27" s="22"/>
      <c r="N27" s="22"/>
      <c r="O27" s="22"/>
      <c r="P27" s="22"/>
      <c r="Q27" s="22"/>
      <c r="R27" s="22"/>
      <c r="S27" s="22"/>
    </row>
    <row r="28" spans="1:19">
      <c r="A28" s="88"/>
      <c r="B28" s="119"/>
      <c r="C28" s="21">
        <v>0.1</v>
      </c>
      <c r="D28" s="21">
        <v>0.185</v>
      </c>
      <c r="E28" s="21">
        <v>0.71</v>
      </c>
      <c r="F28" s="21">
        <v>5.0000000000000001E-3</v>
      </c>
      <c r="G28" s="21">
        <v>1</v>
      </c>
      <c r="L28" s="22"/>
      <c r="M28" s="22"/>
      <c r="N28" s="22"/>
      <c r="O28" s="22"/>
      <c r="P28" s="22"/>
      <c r="Q28" s="22"/>
      <c r="R28" s="22"/>
      <c r="S28" s="22"/>
    </row>
    <row r="29" spans="1:19">
      <c r="A29" s="15" t="s">
        <v>170</v>
      </c>
      <c r="B29" s="116" t="s">
        <v>180</v>
      </c>
      <c r="C29" s="20">
        <v>122</v>
      </c>
      <c r="D29" s="20">
        <v>232</v>
      </c>
      <c r="E29" s="20">
        <v>733</v>
      </c>
      <c r="F29" s="20">
        <v>6</v>
      </c>
      <c r="G29" s="20">
        <v>1093</v>
      </c>
      <c r="L29" s="22"/>
      <c r="M29" s="22"/>
      <c r="N29" s="22"/>
      <c r="O29" s="22"/>
      <c r="P29" s="22"/>
      <c r="Q29" s="22"/>
      <c r="R29" s="22"/>
      <c r="S29" s="22"/>
    </row>
    <row r="30" spans="1:19">
      <c r="A30" s="16"/>
      <c r="B30" s="117"/>
      <c r="C30" s="21">
        <v>0.112</v>
      </c>
      <c r="D30" s="21">
        <v>0.21199999999999999</v>
      </c>
      <c r="E30" s="21">
        <v>0.67100000000000004</v>
      </c>
      <c r="F30" s="21">
        <v>5.0000000000000001E-3</v>
      </c>
      <c r="G30" s="21">
        <v>1</v>
      </c>
      <c r="L30" s="22"/>
      <c r="M30" s="22"/>
      <c r="N30" s="22"/>
      <c r="O30" s="22"/>
      <c r="P30" s="22"/>
      <c r="Q30" s="22"/>
      <c r="R30" s="22"/>
      <c r="S30" s="22"/>
    </row>
    <row r="31" spans="1:19">
      <c r="A31" s="19"/>
      <c r="B31" s="118" t="s">
        <v>181</v>
      </c>
      <c r="C31" s="20">
        <v>438</v>
      </c>
      <c r="D31" s="20">
        <v>823</v>
      </c>
      <c r="E31" s="20">
        <v>3292</v>
      </c>
      <c r="F31" s="20">
        <v>21</v>
      </c>
      <c r="G31" s="20">
        <v>4574</v>
      </c>
      <c r="L31" s="22"/>
      <c r="M31" s="22"/>
      <c r="N31" s="22"/>
      <c r="O31" s="22"/>
      <c r="P31" s="22"/>
      <c r="Q31" s="22"/>
      <c r="R31" s="22"/>
      <c r="S31" s="22"/>
    </row>
    <row r="32" spans="1:19">
      <c r="A32" s="17"/>
      <c r="B32" s="119"/>
      <c r="C32" s="21">
        <v>9.6000000000000002E-2</v>
      </c>
      <c r="D32" s="21">
        <v>0.18</v>
      </c>
      <c r="E32" s="21">
        <v>0.72</v>
      </c>
      <c r="F32" s="21">
        <v>5.0000000000000001E-3</v>
      </c>
      <c r="G32" s="21">
        <v>1</v>
      </c>
      <c r="L32" s="22"/>
      <c r="M32" s="22"/>
      <c r="N32" s="22"/>
      <c r="O32" s="22"/>
      <c r="P32" s="22"/>
      <c r="Q32" s="22"/>
      <c r="R32" s="22"/>
      <c r="S32" s="22"/>
    </row>
    <row r="33" spans="1:19">
      <c r="A33" s="95" t="s">
        <v>566</v>
      </c>
      <c r="B33" s="116" t="s">
        <v>180</v>
      </c>
      <c r="C33" s="20">
        <v>21</v>
      </c>
      <c r="D33" s="20">
        <v>41</v>
      </c>
      <c r="E33" s="20">
        <v>123</v>
      </c>
      <c r="F33" s="20">
        <v>2</v>
      </c>
      <c r="G33" s="20">
        <v>187</v>
      </c>
      <c r="L33" s="22"/>
      <c r="M33" s="22"/>
      <c r="N33" s="22"/>
      <c r="O33" s="22"/>
      <c r="P33" s="22"/>
      <c r="Q33" s="22"/>
      <c r="R33" s="22"/>
      <c r="S33" s="22"/>
    </row>
    <row r="34" spans="1:19">
      <c r="A34" s="103"/>
      <c r="B34" s="117"/>
      <c r="C34" s="21">
        <v>0.112</v>
      </c>
      <c r="D34" s="21">
        <v>0.219</v>
      </c>
      <c r="E34" s="21">
        <v>0.65800000000000003</v>
      </c>
      <c r="F34" s="21">
        <v>1.0999999999999999E-2</v>
      </c>
      <c r="G34" s="21">
        <v>1</v>
      </c>
      <c r="L34" s="22"/>
      <c r="M34" s="22"/>
      <c r="N34" s="22"/>
      <c r="O34" s="22"/>
      <c r="P34" s="22"/>
      <c r="Q34" s="22"/>
      <c r="R34" s="22"/>
      <c r="S34" s="22"/>
    </row>
    <row r="35" spans="1:19">
      <c r="A35" s="103"/>
      <c r="B35" s="118" t="s">
        <v>181</v>
      </c>
      <c r="C35" s="20">
        <v>539</v>
      </c>
      <c r="D35" s="20">
        <v>1014</v>
      </c>
      <c r="E35" s="20">
        <v>3902</v>
      </c>
      <c r="F35" s="20">
        <v>25</v>
      </c>
      <c r="G35" s="20">
        <v>5480</v>
      </c>
      <c r="L35" s="22"/>
      <c r="M35" s="22"/>
      <c r="N35" s="22"/>
      <c r="O35" s="22"/>
      <c r="P35" s="22"/>
      <c r="Q35" s="22"/>
      <c r="R35" s="22"/>
      <c r="S35" s="22"/>
    </row>
    <row r="36" spans="1:19">
      <c r="A36" s="88"/>
      <c r="B36" s="119"/>
      <c r="C36" s="21">
        <v>9.8000000000000004E-2</v>
      </c>
      <c r="D36" s="21">
        <v>0.185</v>
      </c>
      <c r="E36" s="21">
        <v>0.71199999999999997</v>
      </c>
      <c r="F36" s="21">
        <v>5.0000000000000001E-3</v>
      </c>
      <c r="G36" s="21">
        <v>1</v>
      </c>
      <c r="L36" s="22"/>
      <c r="M36" s="22"/>
      <c r="N36" s="22"/>
      <c r="O36" s="22"/>
      <c r="P36" s="22"/>
      <c r="Q36" s="22"/>
      <c r="R36" s="22"/>
      <c r="S36" s="22"/>
    </row>
    <row r="37" spans="1:19">
      <c r="A37" s="87" t="s">
        <v>172</v>
      </c>
      <c r="B37" s="116" t="s">
        <v>180</v>
      </c>
      <c r="C37" s="20">
        <v>90</v>
      </c>
      <c r="D37" s="20">
        <v>144</v>
      </c>
      <c r="E37" s="20">
        <v>611</v>
      </c>
      <c r="F37" s="20">
        <v>3</v>
      </c>
      <c r="G37" s="20">
        <v>848</v>
      </c>
      <c r="L37" s="22"/>
      <c r="M37" s="22"/>
      <c r="N37" s="22"/>
      <c r="O37" s="22"/>
      <c r="P37" s="22"/>
      <c r="Q37" s="22"/>
      <c r="R37" s="22"/>
      <c r="S37" s="22"/>
    </row>
    <row r="38" spans="1:19">
      <c r="A38" s="103"/>
      <c r="B38" s="117"/>
      <c r="C38" s="21">
        <v>0.106</v>
      </c>
      <c r="D38" s="21">
        <v>0.17</v>
      </c>
      <c r="E38" s="21">
        <v>0.72099999999999997</v>
      </c>
      <c r="F38" s="21">
        <v>4.0000000000000001E-3</v>
      </c>
      <c r="G38" s="21">
        <v>1</v>
      </c>
      <c r="L38" s="22"/>
      <c r="M38" s="22"/>
      <c r="N38" s="22"/>
      <c r="O38" s="22"/>
      <c r="P38" s="22"/>
      <c r="Q38" s="22"/>
      <c r="R38" s="22"/>
      <c r="S38" s="22"/>
    </row>
    <row r="39" spans="1:19">
      <c r="A39" s="103"/>
      <c r="B39" s="118" t="s">
        <v>181</v>
      </c>
      <c r="C39" s="20">
        <v>470</v>
      </c>
      <c r="D39" s="20">
        <v>911</v>
      </c>
      <c r="E39" s="20">
        <v>3414</v>
      </c>
      <c r="F39" s="20">
        <v>24</v>
      </c>
      <c r="G39" s="20">
        <v>4819</v>
      </c>
      <c r="L39" s="22"/>
      <c r="M39" s="22"/>
      <c r="N39" s="22"/>
      <c r="O39" s="22"/>
      <c r="P39" s="22"/>
      <c r="Q39" s="22"/>
      <c r="R39" s="22"/>
      <c r="S39" s="22"/>
    </row>
    <row r="40" spans="1:19">
      <c r="A40" s="88"/>
      <c r="B40" s="119"/>
      <c r="C40" s="21">
        <v>9.8000000000000004E-2</v>
      </c>
      <c r="D40" s="21">
        <v>0.189</v>
      </c>
      <c r="E40" s="21">
        <v>0.70799999999999996</v>
      </c>
      <c r="F40" s="21">
        <v>5.0000000000000001E-3</v>
      </c>
      <c r="G40" s="21">
        <v>1</v>
      </c>
      <c r="L40" s="22"/>
      <c r="M40" s="22"/>
      <c r="N40" s="22"/>
      <c r="O40" s="22"/>
      <c r="P40" s="22"/>
      <c r="Q40" s="22"/>
      <c r="R40" s="22"/>
      <c r="S40" s="22"/>
    </row>
    <row r="41" spans="1:19">
      <c r="A41" s="87" t="s">
        <v>173</v>
      </c>
      <c r="B41" s="116" t="s">
        <v>180</v>
      </c>
      <c r="C41" s="20">
        <v>15</v>
      </c>
      <c r="D41" s="20">
        <v>27</v>
      </c>
      <c r="E41" s="20">
        <v>88</v>
      </c>
      <c r="F41" s="20">
        <v>1</v>
      </c>
      <c r="G41" s="20">
        <v>131</v>
      </c>
      <c r="L41" s="22"/>
      <c r="M41" s="22"/>
      <c r="N41" s="22"/>
      <c r="O41" s="22"/>
      <c r="P41" s="22"/>
      <c r="Q41" s="22"/>
      <c r="R41" s="22"/>
      <c r="S41" s="22"/>
    </row>
    <row r="42" spans="1:19">
      <c r="A42" s="103"/>
      <c r="B42" s="117"/>
      <c r="C42" s="21">
        <v>0.115</v>
      </c>
      <c r="D42" s="21">
        <v>0.20599999999999999</v>
      </c>
      <c r="E42" s="21">
        <v>0.67200000000000004</v>
      </c>
      <c r="F42" s="21">
        <v>8.0000000000000002E-3</v>
      </c>
      <c r="G42" s="21">
        <v>1</v>
      </c>
      <c r="L42" s="22"/>
      <c r="M42" s="22"/>
      <c r="N42" s="22"/>
      <c r="O42" s="22"/>
      <c r="P42" s="22"/>
      <c r="Q42" s="22"/>
      <c r="R42" s="22"/>
      <c r="S42" s="22"/>
    </row>
    <row r="43" spans="1:19">
      <c r="A43" s="103"/>
      <c r="B43" s="118" t="s">
        <v>181</v>
      </c>
      <c r="C43" s="20">
        <v>545</v>
      </c>
      <c r="D43" s="20">
        <v>1028</v>
      </c>
      <c r="E43" s="20">
        <v>3937</v>
      </c>
      <c r="F43" s="20">
        <v>26</v>
      </c>
      <c r="G43" s="20">
        <v>5536</v>
      </c>
      <c r="L43" s="22"/>
      <c r="M43" s="22"/>
      <c r="N43" s="22"/>
      <c r="O43" s="22"/>
      <c r="P43" s="22"/>
      <c r="Q43" s="22"/>
      <c r="R43" s="22"/>
      <c r="S43" s="22"/>
    </row>
    <row r="44" spans="1:19">
      <c r="A44" s="88"/>
      <c r="B44" s="119"/>
      <c r="C44" s="21">
        <v>9.8000000000000004E-2</v>
      </c>
      <c r="D44" s="21">
        <v>0.186</v>
      </c>
      <c r="E44" s="21">
        <v>0.71099999999999997</v>
      </c>
      <c r="F44" s="21">
        <v>5.0000000000000001E-3</v>
      </c>
      <c r="G44" s="21">
        <v>1</v>
      </c>
      <c r="L44" s="22"/>
      <c r="M44" s="22"/>
      <c r="N44" s="22"/>
      <c r="O44" s="22"/>
      <c r="P44" s="22"/>
      <c r="Q44" s="22"/>
      <c r="R44" s="22"/>
      <c r="S44" s="22"/>
    </row>
    <row r="45" spans="1:19">
      <c r="A45" s="112" t="s">
        <v>15</v>
      </c>
      <c r="B45" s="113"/>
      <c r="C45" s="20">
        <v>560</v>
      </c>
      <c r="D45" s="20">
        <v>1055</v>
      </c>
      <c r="E45" s="20">
        <v>4025</v>
      </c>
      <c r="F45" s="20">
        <v>27</v>
      </c>
      <c r="G45" s="20">
        <v>5667</v>
      </c>
      <c r="L45" s="22"/>
      <c r="M45" s="22"/>
      <c r="N45" s="22"/>
      <c r="O45" s="22"/>
      <c r="P45" s="22"/>
      <c r="Q45" s="22"/>
    </row>
    <row r="46" spans="1:19">
      <c r="A46" s="114"/>
      <c r="B46" s="115"/>
      <c r="C46" s="21">
        <v>9.9000000000000005E-2</v>
      </c>
      <c r="D46" s="21">
        <v>0.186</v>
      </c>
      <c r="E46" s="21">
        <v>0.71</v>
      </c>
      <c r="F46" s="21">
        <v>5.0000000000000001E-3</v>
      </c>
      <c r="G46" s="21">
        <v>1</v>
      </c>
      <c r="L46" s="22"/>
      <c r="M46" s="22"/>
      <c r="N46" s="22"/>
      <c r="O46" s="22"/>
      <c r="P46" s="22"/>
      <c r="Q46" s="22"/>
      <c r="R46" s="22"/>
      <c r="S46" s="22"/>
    </row>
    <row r="47" spans="1:19" ht="14.25" customHeight="1">
      <c r="A47" s="80" t="s">
        <v>227</v>
      </c>
      <c r="B47" s="80"/>
      <c r="C47" s="80"/>
      <c r="D47" s="80"/>
      <c r="E47" s="80"/>
      <c r="F47" s="80"/>
      <c r="G47" s="80"/>
      <c r="L47" s="22"/>
      <c r="M47" s="22"/>
      <c r="N47" s="22"/>
      <c r="O47" s="22"/>
      <c r="P47" s="22"/>
      <c r="Q47" s="22"/>
    </row>
    <row r="48" spans="1:19">
      <c r="A48" s="108"/>
      <c r="B48" s="108"/>
      <c r="C48" s="108"/>
      <c r="D48" s="108"/>
      <c r="E48" s="108"/>
      <c r="F48" s="108"/>
      <c r="G48" s="108"/>
      <c r="L48" s="22"/>
      <c r="M48" s="22"/>
      <c r="N48" s="22"/>
      <c r="O48" s="22"/>
      <c r="P48" s="22"/>
      <c r="Q48" s="22"/>
    </row>
    <row r="49" spans="12:17">
      <c r="L49" s="22"/>
      <c r="M49" s="22"/>
      <c r="N49" s="22"/>
      <c r="O49" s="22"/>
      <c r="P49" s="22"/>
      <c r="Q49" s="22"/>
    </row>
  </sheetData>
  <mergeCells count="34">
    <mergeCell ref="A1:G1"/>
    <mergeCell ref="A3:B4"/>
    <mergeCell ref="C3:G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G4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7"/>
  <dimension ref="A1:S49"/>
  <sheetViews>
    <sheetView workbookViewId="0">
      <selection activeCell="A2" sqref="A2"/>
    </sheetView>
  </sheetViews>
  <sheetFormatPr defaultColWidth="9" defaultRowHeight="14.25"/>
  <cols>
    <col min="1" max="1" width="15.75" style="18" customWidth="1"/>
    <col min="2" max="2" width="7.5" style="54" customWidth="1"/>
    <col min="3" max="4" width="9" style="18" customWidth="1"/>
    <col min="5" max="5" width="13.875" style="18" bestFit="1" customWidth="1"/>
    <col min="6" max="7" width="9" style="18" customWidth="1"/>
    <col min="8" max="11" width="9" style="18"/>
    <col min="12" max="12" width="10.75" style="18" bestFit="1" customWidth="1"/>
    <col min="13" max="13" width="9.75" style="18" bestFit="1" customWidth="1"/>
    <col min="14" max="14" width="9.125" style="18" bestFit="1" customWidth="1"/>
    <col min="15" max="15" width="10.75" style="18" bestFit="1" customWidth="1"/>
    <col min="16" max="16384" width="9" style="18"/>
  </cols>
  <sheetData>
    <row r="1" spans="1:19">
      <c r="A1" s="120" t="s">
        <v>568</v>
      </c>
      <c r="B1" s="120"/>
      <c r="C1" s="120"/>
      <c r="D1" s="120"/>
      <c r="E1" s="120"/>
      <c r="F1" s="120"/>
      <c r="G1" s="120"/>
    </row>
    <row r="2" spans="1:19">
      <c r="A2" s="121" t="s">
        <v>613</v>
      </c>
      <c r="B2" s="57"/>
      <c r="C2" s="42"/>
      <c r="D2" s="42"/>
      <c r="E2" s="42"/>
      <c r="F2" s="42"/>
      <c r="G2" s="42"/>
    </row>
    <row r="3" spans="1:19">
      <c r="A3" s="84" t="s">
        <v>177</v>
      </c>
      <c r="B3" s="84"/>
      <c r="C3" s="76" t="s">
        <v>128</v>
      </c>
      <c r="D3" s="76"/>
      <c r="E3" s="76"/>
      <c r="F3" s="76"/>
      <c r="G3" s="76"/>
    </row>
    <row r="4" spans="1:19" ht="28.5">
      <c r="A4" s="84"/>
      <c r="B4" s="84"/>
      <c r="C4" s="11" t="s">
        <v>43</v>
      </c>
      <c r="D4" s="11" t="s">
        <v>44</v>
      </c>
      <c r="E4" s="11" t="s">
        <v>201</v>
      </c>
      <c r="F4" s="11" t="s">
        <v>22</v>
      </c>
      <c r="G4" s="11" t="s">
        <v>15</v>
      </c>
    </row>
    <row r="5" spans="1:19">
      <c r="A5" s="95" t="s">
        <v>563</v>
      </c>
      <c r="B5" s="116" t="s">
        <v>180</v>
      </c>
      <c r="C5" s="20">
        <v>572</v>
      </c>
      <c r="D5" s="20">
        <v>658</v>
      </c>
      <c r="E5" s="20">
        <v>294</v>
      </c>
      <c r="F5" s="20">
        <v>4</v>
      </c>
      <c r="G5" s="20">
        <v>1528</v>
      </c>
    </row>
    <row r="6" spans="1:19" s="26" customFormat="1">
      <c r="A6" s="102"/>
      <c r="B6" s="117"/>
      <c r="C6" s="21">
        <v>0.374</v>
      </c>
      <c r="D6" s="21">
        <v>0.43099999999999999</v>
      </c>
      <c r="E6" s="21">
        <v>0.192</v>
      </c>
      <c r="F6" s="21">
        <v>3.0000000000000001E-3</v>
      </c>
      <c r="G6" s="21">
        <v>1</v>
      </c>
      <c r="R6" s="18"/>
    </row>
    <row r="7" spans="1:19">
      <c r="A7" s="102"/>
      <c r="B7" s="118" t="s">
        <v>181</v>
      </c>
      <c r="C7" s="20">
        <v>1820</v>
      </c>
      <c r="D7" s="20">
        <v>1751</v>
      </c>
      <c r="E7" s="20">
        <v>564</v>
      </c>
      <c r="F7" s="20">
        <v>4</v>
      </c>
      <c r="G7" s="20">
        <v>4139</v>
      </c>
      <c r="L7" s="22"/>
      <c r="M7" s="22"/>
      <c r="N7" s="22"/>
      <c r="O7" s="22"/>
      <c r="P7" s="22"/>
      <c r="Q7" s="22"/>
      <c r="R7" s="22"/>
      <c r="S7" s="22"/>
    </row>
    <row r="8" spans="1:19">
      <c r="A8" s="99"/>
      <c r="B8" s="119"/>
      <c r="C8" s="21">
        <v>0.44</v>
      </c>
      <c r="D8" s="21">
        <v>0.42299999999999999</v>
      </c>
      <c r="E8" s="21">
        <v>0.13600000000000001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87" t="s">
        <v>178</v>
      </c>
      <c r="B9" s="116" t="s">
        <v>180</v>
      </c>
      <c r="C9" s="20">
        <v>1334</v>
      </c>
      <c r="D9" s="20">
        <v>1381</v>
      </c>
      <c r="E9" s="20">
        <v>430</v>
      </c>
      <c r="F9" s="20">
        <v>3</v>
      </c>
      <c r="G9" s="20">
        <v>3148</v>
      </c>
      <c r="L9" s="22"/>
      <c r="M9" s="22"/>
      <c r="N9" s="22"/>
      <c r="O9" s="22"/>
      <c r="P9" s="22"/>
    </row>
    <row r="10" spans="1:19">
      <c r="A10" s="103"/>
      <c r="B10" s="117"/>
      <c r="C10" s="21">
        <v>0.42399999999999999</v>
      </c>
      <c r="D10" s="21">
        <v>0.439</v>
      </c>
      <c r="E10" s="21">
        <v>0.13700000000000001</v>
      </c>
      <c r="F10" s="21">
        <v>1E-3</v>
      </c>
      <c r="G10" s="21">
        <v>1</v>
      </c>
      <c r="L10" s="22"/>
      <c r="M10" s="22"/>
      <c r="N10" s="22"/>
      <c r="O10" s="22"/>
      <c r="P10" s="22"/>
      <c r="Q10" s="22"/>
      <c r="R10" s="22"/>
    </row>
    <row r="11" spans="1:19">
      <c r="A11" s="103"/>
      <c r="B11" s="118" t="s">
        <v>181</v>
      </c>
      <c r="C11" s="20">
        <v>1058</v>
      </c>
      <c r="D11" s="20">
        <v>1028</v>
      </c>
      <c r="E11" s="20">
        <v>428</v>
      </c>
      <c r="F11" s="20">
        <v>5</v>
      </c>
      <c r="G11" s="20">
        <v>2519</v>
      </c>
      <c r="L11" s="22"/>
      <c r="M11" s="22"/>
      <c r="N11" s="22"/>
      <c r="O11" s="22"/>
      <c r="P11" s="22"/>
      <c r="Q11" s="22"/>
      <c r="R11" s="22"/>
      <c r="S11" s="22"/>
    </row>
    <row r="12" spans="1:19">
      <c r="A12" s="88"/>
      <c r="B12" s="119"/>
      <c r="C12" s="21">
        <v>0.42</v>
      </c>
      <c r="D12" s="21">
        <v>0.40799999999999997</v>
      </c>
      <c r="E12" s="21">
        <v>0.17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7" t="s">
        <v>168</v>
      </c>
      <c r="B13" s="116" t="s">
        <v>180</v>
      </c>
      <c r="C13" s="20">
        <v>332</v>
      </c>
      <c r="D13" s="20">
        <v>291</v>
      </c>
      <c r="E13" s="20">
        <v>82</v>
      </c>
      <c r="F13" s="20">
        <v>1</v>
      </c>
      <c r="G13" s="20">
        <v>706</v>
      </c>
      <c r="L13" s="22"/>
      <c r="M13" s="22"/>
      <c r="N13" s="22"/>
      <c r="O13" s="22"/>
      <c r="P13" s="22"/>
      <c r="Q13" s="22"/>
      <c r="R13" s="22"/>
      <c r="S13" s="22"/>
    </row>
    <row r="14" spans="1:19">
      <c r="A14" s="103"/>
      <c r="B14" s="117"/>
      <c r="C14" s="21">
        <v>0.47</v>
      </c>
      <c r="D14" s="21">
        <v>0.41199999999999998</v>
      </c>
      <c r="E14" s="21">
        <v>0.11600000000000001</v>
      </c>
      <c r="F14" s="21">
        <v>1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103"/>
      <c r="B15" s="118" t="s">
        <v>181</v>
      </c>
      <c r="C15" s="20">
        <v>2060</v>
      </c>
      <c r="D15" s="20">
        <v>2118</v>
      </c>
      <c r="E15" s="20">
        <v>776</v>
      </c>
      <c r="F15" s="20">
        <v>7</v>
      </c>
      <c r="G15" s="20">
        <v>4961</v>
      </c>
      <c r="L15" s="22"/>
      <c r="M15" s="22"/>
      <c r="N15" s="22"/>
      <c r="O15" s="22"/>
      <c r="P15" s="22"/>
      <c r="Q15" s="22"/>
      <c r="R15" s="22"/>
      <c r="S15" s="22"/>
    </row>
    <row r="16" spans="1:19">
      <c r="A16" s="88"/>
      <c r="B16" s="119"/>
      <c r="C16" s="21">
        <v>0.41499999999999998</v>
      </c>
      <c r="D16" s="21">
        <v>0.42699999999999999</v>
      </c>
      <c r="E16" s="21">
        <v>0.156</v>
      </c>
      <c r="F16" s="21">
        <v>1E-3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9">
      <c r="A17" s="95" t="s">
        <v>564</v>
      </c>
      <c r="B17" s="116" t="s">
        <v>180</v>
      </c>
      <c r="C17" s="20">
        <v>515</v>
      </c>
      <c r="D17" s="20">
        <v>597</v>
      </c>
      <c r="E17" s="20">
        <v>136</v>
      </c>
      <c r="F17" s="20">
        <v>1</v>
      </c>
      <c r="G17" s="20">
        <v>1249</v>
      </c>
      <c r="L17" s="22"/>
      <c r="M17" s="22"/>
      <c r="N17" s="22"/>
      <c r="O17" s="22"/>
      <c r="P17" s="22"/>
      <c r="Q17" s="22"/>
      <c r="R17" s="22"/>
      <c r="S17" s="22"/>
    </row>
    <row r="18" spans="1:19">
      <c r="A18" s="103"/>
      <c r="B18" s="117"/>
      <c r="C18" s="21">
        <v>0.41199999999999998</v>
      </c>
      <c r="D18" s="21">
        <v>0.47799999999999998</v>
      </c>
      <c r="E18" s="21">
        <v>0.109</v>
      </c>
      <c r="F18" s="21">
        <v>1E-3</v>
      </c>
      <c r="G18" s="21">
        <v>1</v>
      </c>
      <c r="L18" s="22"/>
      <c r="M18" s="22"/>
      <c r="N18" s="22"/>
      <c r="O18" s="22"/>
      <c r="P18" s="22"/>
      <c r="Q18" s="22"/>
      <c r="R18" s="22"/>
      <c r="S18" s="22"/>
    </row>
    <row r="19" spans="1:19">
      <c r="A19" s="103"/>
      <c r="B19" s="118" t="s">
        <v>181</v>
      </c>
      <c r="C19" s="20">
        <v>1877</v>
      </c>
      <c r="D19" s="20">
        <v>1812</v>
      </c>
      <c r="E19" s="20">
        <v>722</v>
      </c>
      <c r="F19" s="20">
        <v>7</v>
      </c>
      <c r="G19" s="20">
        <v>4418</v>
      </c>
      <c r="L19" s="22"/>
      <c r="M19" s="22"/>
      <c r="N19" s="22"/>
      <c r="O19" s="22"/>
      <c r="P19" s="22"/>
      <c r="Q19" s="22"/>
      <c r="R19" s="22"/>
      <c r="S19" s="22"/>
    </row>
    <row r="20" spans="1:19">
      <c r="A20" s="88"/>
      <c r="B20" s="119"/>
      <c r="C20" s="21">
        <v>0.42499999999999999</v>
      </c>
      <c r="D20" s="21">
        <v>0.41</v>
      </c>
      <c r="E20" s="21">
        <v>0.16300000000000001</v>
      </c>
      <c r="F20" s="21">
        <v>2E-3</v>
      </c>
      <c r="G20" s="21">
        <v>1</v>
      </c>
      <c r="L20" s="22"/>
      <c r="M20" s="22"/>
      <c r="N20" s="22"/>
      <c r="O20" s="22"/>
      <c r="P20" s="22"/>
      <c r="Q20" s="22"/>
      <c r="R20" s="22"/>
      <c r="S20" s="22"/>
    </row>
    <row r="21" spans="1:19">
      <c r="A21" s="95" t="s">
        <v>565</v>
      </c>
      <c r="B21" s="116" t="s">
        <v>180</v>
      </c>
      <c r="C21" s="20">
        <v>31</v>
      </c>
      <c r="D21" s="20">
        <v>38</v>
      </c>
      <c r="E21" s="20">
        <v>12</v>
      </c>
      <c r="F21" s="20">
        <v>0</v>
      </c>
      <c r="G21" s="20">
        <v>81</v>
      </c>
      <c r="L21" s="22"/>
      <c r="M21" s="22"/>
      <c r="N21" s="22"/>
      <c r="O21" s="22"/>
      <c r="P21" s="22"/>
      <c r="Q21" s="22"/>
      <c r="R21" s="22"/>
      <c r="S21" s="22"/>
    </row>
    <row r="22" spans="1:19">
      <c r="A22" s="103"/>
      <c r="B22" s="117"/>
      <c r="C22" s="21">
        <v>0.38300000000000001</v>
      </c>
      <c r="D22" s="21">
        <v>0.46899999999999997</v>
      </c>
      <c r="E22" s="21">
        <v>0.14799999999999999</v>
      </c>
      <c r="F22" s="21">
        <v>0</v>
      </c>
      <c r="G22" s="21">
        <v>1</v>
      </c>
      <c r="L22" s="22"/>
      <c r="M22" s="22"/>
      <c r="N22" s="22"/>
      <c r="O22" s="22"/>
      <c r="P22" s="22"/>
      <c r="Q22" s="22"/>
      <c r="R22" s="22"/>
      <c r="S22" s="22"/>
    </row>
    <row r="23" spans="1:19">
      <c r="A23" s="103"/>
      <c r="B23" s="118" t="s">
        <v>181</v>
      </c>
      <c r="C23" s="20">
        <v>2361</v>
      </c>
      <c r="D23" s="20">
        <v>2371</v>
      </c>
      <c r="E23" s="20">
        <v>846</v>
      </c>
      <c r="F23" s="20">
        <v>8</v>
      </c>
      <c r="G23" s="20">
        <v>5586</v>
      </c>
      <c r="L23" s="22"/>
      <c r="M23" s="22"/>
      <c r="N23" s="22"/>
      <c r="O23" s="22"/>
      <c r="P23" s="22"/>
      <c r="Q23" s="22"/>
      <c r="R23" s="22"/>
      <c r="S23" s="22"/>
    </row>
    <row r="24" spans="1:19">
      <c r="A24" s="88"/>
      <c r="B24" s="119"/>
      <c r="C24" s="21">
        <v>0.42299999999999999</v>
      </c>
      <c r="D24" s="21">
        <v>0.42399999999999999</v>
      </c>
      <c r="E24" s="21">
        <v>0.151</v>
      </c>
      <c r="F24" s="21">
        <v>1E-3</v>
      </c>
      <c r="G24" s="21">
        <v>1</v>
      </c>
      <c r="L24" s="22"/>
      <c r="M24" s="22"/>
      <c r="N24" s="22"/>
      <c r="O24" s="22"/>
      <c r="P24" s="22"/>
      <c r="Q24" s="22"/>
      <c r="R24" s="22"/>
      <c r="S24" s="22"/>
    </row>
    <row r="25" spans="1:19">
      <c r="A25" s="87" t="s">
        <v>169</v>
      </c>
      <c r="B25" s="116" t="s">
        <v>180</v>
      </c>
      <c r="C25" s="20">
        <v>145</v>
      </c>
      <c r="D25" s="20">
        <v>132</v>
      </c>
      <c r="E25" s="20">
        <v>25</v>
      </c>
      <c r="F25" s="20">
        <v>1</v>
      </c>
      <c r="G25" s="20">
        <v>303</v>
      </c>
      <c r="L25" s="22"/>
      <c r="M25" s="22"/>
      <c r="N25" s="22"/>
      <c r="O25" s="22"/>
      <c r="P25" s="22"/>
      <c r="Q25" s="22"/>
      <c r="R25" s="22"/>
      <c r="S25" s="22"/>
    </row>
    <row r="26" spans="1:19">
      <c r="A26" s="103"/>
      <c r="B26" s="117"/>
      <c r="C26" s="21">
        <v>0.47899999999999998</v>
      </c>
      <c r="D26" s="21">
        <v>0.436</v>
      </c>
      <c r="E26" s="21">
        <v>8.3000000000000004E-2</v>
      </c>
      <c r="F26" s="21">
        <v>3.0000000000000001E-3</v>
      </c>
      <c r="G26" s="21">
        <v>1</v>
      </c>
      <c r="L26" s="22"/>
      <c r="M26" s="22"/>
      <c r="N26" s="22"/>
      <c r="O26" s="22"/>
      <c r="P26" s="22"/>
      <c r="Q26" s="22"/>
      <c r="R26" s="22"/>
      <c r="S26" s="22"/>
    </row>
    <row r="27" spans="1:19">
      <c r="A27" s="103"/>
      <c r="B27" s="118" t="s">
        <v>181</v>
      </c>
      <c r="C27" s="20">
        <v>2247</v>
      </c>
      <c r="D27" s="20">
        <v>2277</v>
      </c>
      <c r="E27" s="20">
        <v>833</v>
      </c>
      <c r="F27" s="20">
        <v>7</v>
      </c>
      <c r="G27" s="20">
        <v>5364</v>
      </c>
      <c r="L27" s="22"/>
      <c r="M27" s="22"/>
      <c r="N27" s="22"/>
      <c r="O27" s="22"/>
      <c r="P27" s="22"/>
      <c r="Q27" s="22"/>
      <c r="R27" s="22"/>
      <c r="S27" s="22"/>
    </row>
    <row r="28" spans="1:19">
      <c r="A28" s="88"/>
      <c r="B28" s="119"/>
      <c r="C28" s="21">
        <v>0.41899999999999998</v>
      </c>
      <c r="D28" s="21">
        <v>0.42399999999999999</v>
      </c>
      <c r="E28" s="21">
        <v>0.155</v>
      </c>
      <c r="F28" s="21">
        <v>1E-3</v>
      </c>
      <c r="G28" s="21">
        <v>1</v>
      </c>
      <c r="L28" s="22"/>
      <c r="M28" s="22"/>
      <c r="N28" s="22"/>
      <c r="O28" s="22"/>
      <c r="P28" s="22"/>
      <c r="Q28" s="22"/>
      <c r="R28" s="22"/>
      <c r="S28" s="22"/>
    </row>
    <row r="29" spans="1:19">
      <c r="A29" s="15" t="s">
        <v>170</v>
      </c>
      <c r="B29" s="116" t="s">
        <v>180</v>
      </c>
      <c r="C29" s="20">
        <v>857</v>
      </c>
      <c r="D29" s="20">
        <v>113</v>
      </c>
      <c r="E29" s="20">
        <v>122</v>
      </c>
      <c r="F29" s="20">
        <v>1</v>
      </c>
      <c r="G29" s="20">
        <v>1093</v>
      </c>
      <c r="L29" s="22"/>
      <c r="M29" s="22"/>
      <c r="N29" s="22"/>
      <c r="O29" s="22"/>
      <c r="P29" s="22"/>
      <c r="Q29" s="22"/>
      <c r="R29" s="22"/>
      <c r="S29" s="22"/>
    </row>
    <row r="30" spans="1:19">
      <c r="A30" s="16"/>
      <c r="B30" s="117"/>
      <c r="C30" s="21">
        <v>0.78400000000000003</v>
      </c>
      <c r="D30" s="21">
        <v>0.10299999999999999</v>
      </c>
      <c r="E30" s="21">
        <v>0.112</v>
      </c>
      <c r="F30" s="21">
        <v>1E-3</v>
      </c>
      <c r="G30" s="21">
        <v>1</v>
      </c>
      <c r="L30" s="22"/>
      <c r="M30" s="22"/>
      <c r="N30" s="22"/>
      <c r="O30" s="22"/>
      <c r="P30" s="22"/>
      <c r="Q30" s="22"/>
      <c r="R30" s="22"/>
      <c r="S30" s="22"/>
    </row>
    <row r="31" spans="1:19">
      <c r="A31" s="19"/>
      <c r="B31" s="118" t="s">
        <v>181</v>
      </c>
      <c r="C31" s="20">
        <v>1535</v>
      </c>
      <c r="D31" s="20">
        <v>2296</v>
      </c>
      <c r="E31" s="20">
        <v>736</v>
      </c>
      <c r="F31" s="20">
        <v>7</v>
      </c>
      <c r="G31" s="20">
        <v>4574</v>
      </c>
      <c r="L31" s="22"/>
      <c r="M31" s="22"/>
      <c r="N31" s="22"/>
      <c r="O31" s="22"/>
      <c r="P31" s="22"/>
      <c r="Q31" s="22"/>
      <c r="R31" s="22"/>
      <c r="S31" s="22"/>
    </row>
    <row r="32" spans="1:19">
      <c r="A32" s="17"/>
      <c r="B32" s="119"/>
      <c r="C32" s="21">
        <v>0.33600000000000002</v>
      </c>
      <c r="D32" s="21">
        <v>0.502</v>
      </c>
      <c r="E32" s="21">
        <v>0.161</v>
      </c>
      <c r="F32" s="21">
        <v>2E-3</v>
      </c>
      <c r="G32" s="21">
        <v>1</v>
      </c>
      <c r="L32" s="22"/>
      <c r="M32" s="22"/>
      <c r="N32" s="22"/>
      <c r="O32" s="22"/>
      <c r="P32" s="22"/>
      <c r="Q32" s="22"/>
      <c r="R32" s="22"/>
      <c r="S32" s="22"/>
    </row>
    <row r="33" spans="1:19">
      <c r="A33" s="95" t="s">
        <v>566</v>
      </c>
      <c r="B33" s="116" t="s">
        <v>180</v>
      </c>
      <c r="C33" s="20">
        <v>108</v>
      </c>
      <c r="D33" s="20">
        <v>61</v>
      </c>
      <c r="E33" s="20">
        <v>18</v>
      </c>
      <c r="F33" s="20">
        <v>0</v>
      </c>
      <c r="G33" s="20">
        <v>187</v>
      </c>
      <c r="L33" s="22"/>
      <c r="M33" s="22"/>
      <c r="N33" s="22"/>
      <c r="O33" s="22"/>
      <c r="P33" s="22"/>
      <c r="Q33" s="22"/>
      <c r="R33" s="22"/>
      <c r="S33" s="22"/>
    </row>
    <row r="34" spans="1:19">
      <c r="A34" s="103"/>
      <c r="B34" s="117"/>
      <c r="C34" s="21">
        <v>0.57799999999999996</v>
      </c>
      <c r="D34" s="21">
        <v>0.32600000000000001</v>
      </c>
      <c r="E34" s="21">
        <v>9.6000000000000002E-2</v>
      </c>
      <c r="F34" s="21">
        <v>0</v>
      </c>
      <c r="G34" s="21">
        <v>1</v>
      </c>
      <c r="L34" s="22"/>
      <c r="M34" s="22"/>
      <c r="N34" s="22"/>
      <c r="O34" s="22"/>
      <c r="P34" s="22"/>
      <c r="Q34" s="22"/>
      <c r="R34" s="22"/>
      <c r="S34" s="22"/>
    </row>
    <row r="35" spans="1:19">
      <c r="A35" s="103"/>
      <c r="B35" s="118" t="s">
        <v>181</v>
      </c>
      <c r="C35" s="20">
        <v>2284</v>
      </c>
      <c r="D35" s="20">
        <v>2348</v>
      </c>
      <c r="E35" s="20">
        <v>840</v>
      </c>
      <c r="F35" s="20">
        <v>8</v>
      </c>
      <c r="G35" s="20">
        <v>5480</v>
      </c>
      <c r="L35" s="22"/>
      <c r="M35" s="22"/>
      <c r="N35" s="22"/>
      <c r="O35" s="22"/>
      <c r="P35" s="22"/>
      <c r="Q35" s="22"/>
      <c r="R35" s="22"/>
      <c r="S35" s="22"/>
    </row>
    <row r="36" spans="1:19">
      <c r="A36" s="88"/>
      <c r="B36" s="119"/>
      <c r="C36" s="21">
        <v>0.41699999999999998</v>
      </c>
      <c r="D36" s="21">
        <v>0.42799999999999999</v>
      </c>
      <c r="E36" s="21">
        <v>0.153</v>
      </c>
      <c r="F36" s="21">
        <v>1E-3</v>
      </c>
      <c r="G36" s="21">
        <v>1</v>
      </c>
      <c r="L36" s="22"/>
      <c r="M36" s="22"/>
      <c r="N36" s="22"/>
      <c r="O36" s="22"/>
      <c r="P36" s="22"/>
      <c r="Q36" s="22"/>
      <c r="R36" s="22"/>
      <c r="S36" s="22"/>
    </row>
    <row r="37" spans="1:19">
      <c r="A37" s="87" t="s">
        <v>172</v>
      </c>
      <c r="B37" s="116" t="s">
        <v>180</v>
      </c>
      <c r="C37" s="20">
        <v>320</v>
      </c>
      <c r="D37" s="20">
        <v>419</v>
      </c>
      <c r="E37" s="20">
        <v>109</v>
      </c>
      <c r="F37" s="20">
        <v>0</v>
      </c>
      <c r="G37" s="20">
        <v>848</v>
      </c>
      <c r="L37" s="22"/>
      <c r="M37" s="22"/>
      <c r="N37" s="22"/>
      <c r="O37" s="22"/>
      <c r="P37" s="22"/>
      <c r="Q37" s="22"/>
      <c r="R37" s="22"/>
      <c r="S37" s="22"/>
    </row>
    <row r="38" spans="1:19">
      <c r="A38" s="103"/>
      <c r="B38" s="117"/>
      <c r="C38" s="21">
        <v>0.377</v>
      </c>
      <c r="D38" s="21">
        <v>0.49399999999999999</v>
      </c>
      <c r="E38" s="21">
        <v>0.129</v>
      </c>
      <c r="F38" s="21">
        <v>0</v>
      </c>
      <c r="G38" s="21">
        <v>1</v>
      </c>
      <c r="L38" s="22"/>
      <c r="M38" s="22"/>
      <c r="N38" s="22"/>
      <c r="O38" s="22"/>
      <c r="P38" s="22"/>
      <c r="Q38" s="22"/>
      <c r="R38" s="22"/>
      <c r="S38" s="22"/>
    </row>
    <row r="39" spans="1:19">
      <c r="A39" s="103"/>
      <c r="B39" s="118" t="s">
        <v>181</v>
      </c>
      <c r="C39" s="20">
        <v>2072</v>
      </c>
      <c r="D39" s="20">
        <v>1990</v>
      </c>
      <c r="E39" s="20">
        <v>749</v>
      </c>
      <c r="F39" s="20">
        <v>8</v>
      </c>
      <c r="G39" s="20">
        <v>4819</v>
      </c>
      <c r="L39" s="22"/>
      <c r="M39" s="22"/>
      <c r="N39" s="22"/>
      <c r="O39" s="22"/>
      <c r="P39" s="22"/>
      <c r="Q39" s="22"/>
      <c r="R39" s="22"/>
      <c r="S39" s="22"/>
    </row>
    <row r="40" spans="1:19">
      <c r="A40" s="88"/>
      <c r="B40" s="119"/>
      <c r="C40" s="21">
        <v>0.43</v>
      </c>
      <c r="D40" s="21">
        <v>0.41299999999999998</v>
      </c>
      <c r="E40" s="21">
        <v>0.155</v>
      </c>
      <c r="F40" s="21">
        <v>2E-3</v>
      </c>
      <c r="G40" s="21">
        <v>1</v>
      </c>
      <c r="L40" s="22"/>
      <c r="M40" s="22"/>
      <c r="N40" s="22"/>
      <c r="O40" s="22"/>
      <c r="P40" s="22"/>
      <c r="Q40" s="22"/>
      <c r="R40" s="22"/>
      <c r="S40" s="22"/>
    </row>
    <row r="41" spans="1:19">
      <c r="A41" s="87" t="s">
        <v>173</v>
      </c>
      <c r="B41" s="116" t="s">
        <v>180</v>
      </c>
      <c r="C41" s="20">
        <v>49</v>
      </c>
      <c r="D41" s="20">
        <v>60</v>
      </c>
      <c r="E41" s="20">
        <v>21</v>
      </c>
      <c r="F41" s="20">
        <v>1</v>
      </c>
      <c r="G41" s="20">
        <v>131</v>
      </c>
      <c r="L41" s="22"/>
      <c r="M41" s="22"/>
      <c r="N41" s="22"/>
      <c r="O41" s="22"/>
      <c r="P41" s="22"/>
      <c r="Q41" s="22"/>
      <c r="R41" s="22"/>
      <c r="S41" s="22"/>
    </row>
    <row r="42" spans="1:19">
      <c r="A42" s="103"/>
      <c r="B42" s="117"/>
      <c r="C42" s="21">
        <v>0.374</v>
      </c>
      <c r="D42" s="21">
        <v>0.45800000000000002</v>
      </c>
      <c r="E42" s="21">
        <v>0.16</v>
      </c>
      <c r="F42" s="21">
        <v>8.0000000000000002E-3</v>
      </c>
      <c r="G42" s="21">
        <v>1</v>
      </c>
      <c r="L42" s="22"/>
      <c r="M42" s="22"/>
      <c r="N42" s="22"/>
      <c r="O42" s="22"/>
      <c r="P42" s="22"/>
      <c r="Q42" s="22"/>
      <c r="R42" s="22"/>
      <c r="S42" s="22"/>
    </row>
    <row r="43" spans="1:19">
      <c r="A43" s="103"/>
      <c r="B43" s="118" t="s">
        <v>181</v>
      </c>
      <c r="C43" s="20">
        <v>2343</v>
      </c>
      <c r="D43" s="20">
        <v>2349</v>
      </c>
      <c r="E43" s="20">
        <v>837</v>
      </c>
      <c r="F43" s="20">
        <v>7</v>
      </c>
      <c r="G43" s="20">
        <v>5536</v>
      </c>
      <c r="L43" s="22"/>
      <c r="M43" s="22"/>
      <c r="N43" s="22"/>
      <c r="O43" s="22"/>
      <c r="P43" s="22"/>
      <c r="Q43" s="22"/>
      <c r="R43" s="22"/>
      <c r="S43" s="22"/>
    </row>
    <row r="44" spans="1:19">
      <c r="A44" s="88"/>
      <c r="B44" s="119"/>
      <c r="C44" s="21">
        <v>0.42299999999999999</v>
      </c>
      <c r="D44" s="21">
        <v>0.42399999999999999</v>
      </c>
      <c r="E44" s="21">
        <v>0.151</v>
      </c>
      <c r="F44" s="21">
        <v>1E-3</v>
      </c>
      <c r="G44" s="21">
        <v>1</v>
      </c>
      <c r="L44" s="22"/>
      <c r="M44" s="22"/>
      <c r="N44" s="22"/>
      <c r="O44" s="22"/>
      <c r="P44" s="22"/>
      <c r="Q44" s="22"/>
      <c r="R44" s="22"/>
      <c r="S44" s="22"/>
    </row>
    <row r="45" spans="1:19">
      <c r="A45" s="112" t="s">
        <v>15</v>
      </c>
      <c r="B45" s="113"/>
      <c r="C45" s="20">
        <v>2392</v>
      </c>
      <c r="D45" s="20">
        <v>2409</v>
      </c>
      <c r="E45" s="20">
        <v>858</v>
      </c>
      <c r="F45" s="20">
        <v>8</v>
      </c>
      <c r="G45" s="20">
        <v>5667</v>
      </c>
      <c r="L45" s="22"/>
      <c r="M45" s="22"/>
      <c r="N45" s="22"/>
      <c r="O45" s="22"/>
      <c r="P45" s="22"/>
      <c r="Q45" s="22"/>
    </row>
    <row r="46" spans="1:19">
      <c r="A46" s="114"/>
      <c r="B46" s="115"/>
      <c r="C46" s="21">
        <v>0.42199999999999999</v>
      </c>
      <c r="D46" s="21">
        <v>0.42499999999999999</v>
      </c>
      <c r="E46" s="21">
        <v>0.151</v>
      </c>
      <c r="F46" s="21">
        <v>1E-3</v>
      </c>
      <c r="G46" s="21">
        <v>1</v>
      </c>
      <c r="L46" s="22"/>
      <c r="M46" s="22"/>
      <c r="N46" s="22"/>
      <c r="O46" s="22"/>
      <c r="P46" s="22"/>
      <c r="Q46" s="22"/>
      <c r="R46" s="22"/>
      <c r="S46" s="22"/>
    </row>
    <row r="47" spans="1:19">
      <c r="A47" s="80" t="s">
        <v>261</v>
      </c>
      <c r="B47" s="80"/>
      <c r="C47" s="80"/>
      <c r="D47" s="80"/>
      <c r="E47" s="80"/>
      <c r="F47" s="80"/>
      <c r="G47" s="80"/>
      <c r="L47" s="22"/>
      <c r="M47" s="22"/>
      <c r="N47" s="22"/>
      <c r="O47" s="22"/>
      <c r="P47" s="22"/>
      <c r="Q47" s="22"/>
    </row>
    <row r="48" spans="1:19">
      <c r="B48" s="14"/>
      <c r="C48" s="25"/>
      <c r="D48" s="25"/>
      <c r="E48" s="25"/>
      <c r="F48" s="25"/>
      <c r="G48" s="25"/>
      <c r="L48" s="22"/>
      <c r="M48" s="22"/>
      <c r="N48" s="22"/>
      <c r="O48" s="22"/>
      <c r="P48" s="22"/>
      <c r="Q48" s="22"/>
    </row>
    <row r="49" spans="12:17">
      <c r="L49" s="22"/>
      <c r="M49" s="22"/>
      <c r="N49" s="22"/>
      <c r="O49" s="22"/>
      <c r="P49" s="22"/>
      <c r="Q49" s="22"/>
    </row>
  </sheetData>
  <mergeCells count="34">
    <mergeCell ref="A1:G1"/>
    <mergeCell ref="A3:B4"/>
    <mergeCell ref="C3:G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G4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8"/>
  <dimension ref="A1:T49"/>
  <sheetViews>
    <sheetView workbookViewId="0">
      <selection activeCell="A2" sqref="A2"/>
    </sheetView>
  </sheetViews>
  <sheetFormatPr defaultColWidth="9" defaultRowHeight="14.25"/>
  <cols>
    <col min="1" max="1" width="15.625" style="18" customWidth="1"/>
    <col min="2" max="2" width="7.5" style="54" customWidth="1"/>
    <col min="3" max="8" width="9" style="18" customWidth="1"/>
    <col min="9" max="12" width="9" style="18"/>
    <col min="13" max="13" width="10.75" style="18" bestFit="1" customWidth="1"/>
    <col min="14" max="14" width="9.75" style="18" bestFit="1" customWidth="1"/>
    <col min="15" max="15" width="9.125" style="18" bestFit="1" customWidth="1"/>
    <col min="16" max="16" width="10.75" style="18" bestFit="1" customWidth="1"/>
    <col min="17" max="16384" width="9" style="18"/>
  </cols>
  <sheetData>
    <row r="1" spans="1:20">
      <c r="A1" s="120" t="s">
        <v>569</v>
      </c>
      <c r="B1" s="120"/>
      <c r="C1" s="120"/>
      <c r="D1" s="120"/>
      <c r="E1" s="120"/>
      <c r="F1" s="120"/>
      <c r="G1" s="120"/>
      <c r="H1" s="120"/>
    </row>
    <row r="2" spans="1:20">
      <c r="A2" s="121" t="s">
        <v>613</v>
      </c>
      <c r="B2" s="57"/>
      <c r="C2" s="42"/>
      <c r="D2" s="42"/>
      <c r="E2" s="42"/>
      <c r="F2" s="42"/>
      <c r="G2" s="42"/>
      <c r="H2" s="42"/>
    </row>
    <row r="3" spans="1:20">
      <c r="A3" s="84" t="s">
        <v>177</v>
      </c>
      <c r="B3" s="84"/>
      <c r="C3" s="76" t="s">
        <v>130</v>
      </c>
      <c r="D3" s="76"/>
      <c r="E3" s="76"/>
      <c r="F3" s="76"/>
      <c r="G3" s="76"/>
      <c r="H3" s="76"/>
    </row>
    <row r="4" spans="1:20" ht="42.75">
      <c r="A4" s="84"/>
      <c r="B4" s="84"/>
      <c r="C4" s="11" t="s">
        <v>110</v>
      </c>
      <c r="D4" s="11" t="s">
        <v>111</v>
      </c>
      <c r="E4" s="11" t="s">
        <v>112</v>
      </c>
      <c r="F4" s="11" t="s">
        <v>570</v>
      </c>
      <c r="G4" s="11" t="s">
        <v>22</v>
      </c>
      <c r="H4" s="11" t="s">
        <v>15</v>
      </c>
    </row>
    <row r="5" spans="1:20">
      <c r="A5" s="95" t="s">
        <v>563</v>
      </c>
      <c r="B5" s="116" t="s">
        <v>180</v>
      </c>
      <c r="C5" s="20">
        <v>278</v>
      </c>
      <c r="D5" s="20">
        <v>81</v>
      </c>
      <c r="E5" s="20">
        <v>14</v>
      </c>
      <c r="F5" s="20">
        <v>198</v>
      </c>
      <c r="G5" s="20">
        <v>1</v>
      </c>
      <c r="H5" s="20">
        <v>572</v>
      </c>
    </row>
    <row r="6" spans="1:20" s="26" customFormat="1">
      <c r="A6" s="102"/>
      <c r="B6" s="117"/>
      <c r="C6" s="21">
        <v>0.48599999999999999</v>
      </c>
      <c r="D6" s="21">
        <v>0.14199999999999999</v>
      </c>
      <c r="E6" s="21">
        <v>2.4E-2</v>
      </c>
      <c r="F6" s="21">
        <v>0.34599999999999997</v>
      </c>
      <c r="G6" s="21">
        <v>2E-3</v>
      </c>
      <c r="H6" s="21">
        <v>1</v>
      </c>
      <c r="S6" s="18"/>
    </row>
    <row r="7" spans="1:20">
      <c r="A7" s="102"/>
      <c r="B7" s="118" t="s">
        <v>181</v>
      </c>
      <c r="C7" s="20">
        <v>800</v>
      </c>
      <c r="D7" s="20">
        <v>420</v>
      </c>
      <c r="E7" s="20">
        <v>70</v>
      </c>
      <c r="F7" s="20">
        <v>526</v>
      </c>
      <c r="G7" s="20">
        <v>4</v>
      </c>
      <c r="H7" s="20">
        <v>1820</v>
      </c>
      <c r="M7" s="22"/>
      <c r="N7" s="22"/>
      <c r="O7" s="22"/>
      <c r="P7" s="22"/>
      <c r="Q7" s="22"/>
      <c r="R7" s="22"/>
      <c r="S7" s="22"/>
      <c r="T7" s="22"/>
    </row>
    <row r="8" spans="1:20">
      <c r="A8" s="99"/>
      <c r="B8" s="119"/>
      <c r="C8" s="21">
        <v>0.44</v>
      </c>
      <c r="D8" s="21">
        <v>0.23100000000000001</v>
      </c>
      <c r="E8" s="21">
        <v>3.7999999999999999E-2</v>
      </c>
      <c r="F8" s="21">
        <v>0.28899999999999998</v>
      </c>
      <c r="G8" s="21">
        <v>2E-3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87" t="s">
        <v>178</v>
      </c>
      <c r="B9" s="116" t="s">
        <v>180</v>
      </c>
      <c r="C9" s="20">
        <v>601</v>
      </c>
      <c r="D9" s="20">
        <v>298</v>
      </c>
      <c r="E9" s="20">
        <v>51</v>
      </c>
      <c r="F9" s="20">
        <v>381</v>
      </c>
      <c r="G9" s="20">
        <v>3</v>
      </c>
      <c r="H9" s="20">
        <v>1334</v>
      </c>
      <c r="M9" s="22"/>
      <c r="N9" s="22"/>
      <c r="O9" s="22"/>
      <c r="P9" s="22"/>
      <c r="Q9" s="22"/>
    </row>
    <row r="10" spans="1:20">
      <c r="A10" s="103"/>
      <c r="B10" s="117"/>
      <c r="C10" s="21">
        <v>0.45100000000000001</v>
      </c>
      <c r="D10" s="21">
        <v>0.223</v>
      </c>
      <c r="E10" s="21">
        <v>3.7999999999999999E-2</v>
      </c>
      <c r="F10" s="21">
        <v>0.28599999999999998</v>
      </c>
      <c r="G10" s="21">
        <v>2E-3</v>
      </c>
      <c r="H10" s="21">
        <v>1</v>
      </c>
      <c r="M10" s="22"/>
      <c r="N10" s="22"/>
      <c r="O10" s="22"/>
      <c r="P10" s="22"/>
      <c r="Q10" s="22"/>
      <c r="R10" s="22"/>
      <c r="S10" s="22"/>
    </row>
    <row r="11" spans="1:20">
      <c r="A11" s="103"/>
      <c r="B11" s="118" t="s">
        <v>181</v>
      </c>
      <c r="C11" s="20">
        <v>477</v>
      </c>
      <c r="D11" s="20">
        <v>203</v>
      </c>
      <c r="E11" s="20">
        <v>33</v>
      </c>
      <c r="F11" s="20">
        <v>343</v>
      </c>
      <c r="G11" s="20">
        <v>2</v>
      </c>
      <c r="H11" s="20">
        <v>1058</v>
      </c>
      <c r="M11" s="22"/>
      <c r="N11" s="22"/>
      <c r="O11" s="22"/>
      <c r="P11" s="22"/>
      <c r="Q11" s="22"/>
      <c r="R11" s="22"/>
      <c r="S11" s="22"/>
      <c r="T11" s="22"/>
    </row>
    <row r="12" spans="1:20">
      <c r="A12" s="88"/>
      <c r="B12" s="119"/>
      <c r="C12" s="21">
        <v>0.45100000000000001</v>
      </c>
      <c r="D12" s="21">
        <v>0.192</v>
      </c>
      <c r="E12" s="21">
        <v>3.1E-2</v>
      </c>
      <c r="F12" s="21">
        <v>0.32400000000000001</v>
      </c>
      <c r="G12" s="21">
        <v>2E-3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>
      <c r="A13" s="87" t="s">
        <v>168</v>
      </c>
      <c r="B13" s="116" t="s">
        <v>180</v>
      </c>
      <c r="C13" s="20">
        <v>138</v>
      </c>
      <c r="D13" s="20">
        <v>83</v>
      </c>
      <c r="E13" s="20">
        <v>20</v>
      </c>
      <c r="F13" s="20">
        <v>90</v>
      </c>
      <c r="G13" s="20">
        <v>1</v>
      </c>
      <c r="H13" s="20">
        <v>332</v>
      </c>
      <c r="M13" s="22"/>
      <c r="N13" s="22"/>
      <c r="O13" s="22"/>
      <c r="P13" s="22"/>
      <c r="Q13" s="22"/>
      <c r="R13" s="22"/>
      <c r="S13" s="22"/>
      <c r="T13" s="22"/>
    </row>
    <row r="14" spans="1:20">
      <c r="A14" s="103"/>
      <c r="B14" s="117"/>
      <c r="C14" s="21">
        <v>0.41599999999999998</v>
      </c>
      <c r="D14" s="21">
        <v>0.25</v>
      </c>
      <c r="E14" s="21">
        <v>0.06</v>
      </c>
      <c r="F14" s="21">
        <v>0.27100000000000002</v>
      </c>
      <c r="G14" s="21">
        <v>3.0000000000000001E-3</v>
      </c>
      <c r="H14" s="21">
        <v>1</v>
      </c>
      <c r="M14" s="22"/>
      <c r="N14" s="22"/>
      <c r="O14" s="22"/>
      <c r="P14" s="22"/>
      <c r="Q14" s="22"/>
      <c r="R14" s="22"/>
      <c r="S14" s="22"/>
      <c r="T14" s="22"/>
    </row>
    <row r="15" spans="1:20">
      <c r="A15" s="103"/>
      <c r="B15" s="118" t="s">
        <v>181</v>
      </c>
      <c r="C15" s="20">
        <v>940</v>
      </c>
      <c r="D15" s="20">
        <v>418</v>
      </c>
      <c r="E15" s="20">
        <v>64</v>
      </c>
      <c r="F15" s="20">
        <v>634</v>
      </c>
      <c r="G15" s="20">
        <v>4</v>
      </c>
      <c r="H15" s="20">
        <v>2060</v>
      </c>
      <c r="M15" s="22"/>
      <c r="N15" s="22"/>
      <c r="O15" s="22"/>
      <c r="P15" s="22"/>
      <c r="Q15" s="22"/>
      <c r="R15" s="22"/>
      <c r="S15" s="22"/>
      <c r="T15" s="22"/>
    </row>
    <row r="16" spans="1:20">
      <c r="A16" s="88"/>
      <c r="B16" s="119"/>
      <c r="C16" s="21">
        <v>0.45600000000000002</v>
      </c>
      <c r="D16" s="21">
        <v>0.20300000000000001</v>
      </c>
      <c r="E16" s="21">
        <v>3.1E-2</v>
      </c>
      <c r="F16" s="21">
        <v>0.308</v>
      </c>
      <c r="G16" s="21">
        <v>2E-3</v>
      </c>
      <c r="H16" s="21">
        <v>1</v>
      </c>
      <c r="M16" s="22"/>
      <c r="N16" s="22"/>
      <c r="O16" s="22"/>
      <c r="P16" s="22"/>
      <c r="Q16" s="22"/>
      <c r="R16" s="22"/>
      <c r="S16" s="22"/>
      <c r="T16" s="22"/>
    </row>
    <row r="17" spans="1:20">
      <c r="A17" s="95" t="s">
        <v>564</v>
      </c>
      <c r="B17" s="116" t="s">
        <v>180</v>
      </c>
      <c r="C17" s="20">
        <v>243</v>
      </c>
      <c r="D17" s="20">
        <v>122</v>
      </c>
      <c r="E17" s="20">
        <v>18</v>
      </c>
      <c r="F17" s="20">
        <v>132</v>
      </c>
      <c r="G17" s="20">
        <v>0</v>
      </c>
      <c r="H17" s="20">
        <v>515</v>
      </c>
      <c r="M17" s="22"/>
      <c r="N17" s="22"/>
      <c r="O17" s="22"/>
      <c r="P17" s="22"/>
      <c r="Q17" s="22"/>
      <c r="R17" s="22"/>
      <c r="S17" s="22"/>
      <c r="T17" s="22"/>
    </row>
    <row r="18" spans="1:20">
      <c r="A18" s="103"/>
      <c r="B18" s="117"/>
      <c r="C18" s="21">
        <v>0.47199999999999998</v>
      </c>
      <c r="D18" s="21">
        <v>0.23699999999999999</v>
      </c>
      <c r="E18" s="21">
        <v>3.5000000000000003E-2</v>
      </c>
      <c r="F18" s="21">
        <v>0.25600000000000001</v>
      </c>
      <c r="G18" s="21">
        <v>0</v>
      </c>
      <c r="H18" s="21">
        <v>1</v>
      </c>
      <c r="M18" s="22"/>
      <c r="N18" s="22"/>
      <c r="O18" s="22"/>
      <c r="P18" s="22"/>
      <c r="Q18" s="22"/>
      <c r="R18" s="22"/>
      <c r="S18" s="22"/>
      <c r="T18" s="22"/>
    </row>
    <row r="19" spans="1:20">
      <c r="A19" s="103"/>
      <c r="B19" s="118" t="s">
        <v>181</v>
      </c>
      <c r="C19" s="20">
        <v>835</v>
      </c>
      <c r="D19" s="20">
        <v>379</v>
      </c>
      <c r="E19" s="20">
        <v>66</v>
      </c>
      <c r="F19" s="20">
        <v>592</v>
      </c>
      <c r="G19" s="20">
        <v>5</v>
      </c>
      <c r="H19" s="20">
        <v>1877</v>
      </c>
      <c r="M19" s="22"/>
      <c r="N19" s="22"/>
      <c r="O19" s="22"/>
      <c r="P19" s="22"/>
      <c r="Q19" s="22"/>
      <c r="R19" s="22"/>
      <c r="S19" s="22"/>
      <c r="T19" s="22"/>
    </row>
    <row r="20" spans="1:20">
      <c r="A20" s="88"/>
      <c r="B20" s="119"/>
      <c r="C20" s="21">
        <v>0.44500000000000001</v>
      </c>
      <c r="D20" s="21">
        <v>0.20200000000000001</v>
      </c>
      <c r="E20" s="21">
        <v>3.5000000000000003E-2</v>
      </c>
      <c r="F20" s="21">
        <v>0.315</v>
      </c>
      <c r="G20" s="21">
        <v>3.0000000000000001E-3</v>
      </c>
      <c r="H20" s="21">
        <v>1</v>
      </c>
      <c r="M20" s="22"/>
      <c r="N20" s="22"/>
      <c r="O20" s="22"/>
      <c r="P20" s="22"/>
      <c r="Q20" s="22"/>
      <c r="R20" s="22"/>
      <c r="S20" s="22"/>
      <c r="T20" s="22"/>
    </row>
    <row r="21" spans="1:20">
      <c r="A21" s="95" t="s">
        <v>565</v>
      </c>
      <c r="B21" s="116" t="s">
        <v>180</v>
      </c>
      <c r="C21" s="20">
        <v>16</v>
      </c>
      <c r="D21" s="20">
        <v>10</v>
      </c>
      <c r="E21" s="20">
        <v>0</v>
      </c>
      <c r="F21" s="20">
        <v>5</v>
      </c>
      <c r="G21" s="20">
        <v>0</v>
      </c>
      <c r="H21" s="20">
        <v>31</v>
      </c>
      <c r="M21" s="22"/>
      <c r="N21" s="22"/>
      <c r="O21" s="22"/>
      <c r="P21" s="22"/>
      <c r="Q21" s="22"/>
      <c r="R21" s="22"/>
      <c r="S21" s="22"/>
      <c r="T21" s="22"/>
    </row>
    <row r="22" spans="1:20">
      <c r="A22" s="103"/>
      <c r="B22" s="117"/>
      <c r="C22" s="21">
        <v>0.51600000000000001</v>
      </c>
      <c r="D22" s="21">
        <v>0.32300000000000001</v>
      </c>
      <c r="E22" s="21">
        <v>0</v>
      </c>
      <c r="F22" s="21">
        <v>0.161</v>
      </c>
      <c r="G22" s="21">
        <v>0</v>
      </c>
      <c r="H22" s="21">
        <v>1</v>
      </c>
      <c r="M22" s="22"/>
      <c r="N22" s="22"/>
      <c r="O22" s="22"/>
      <c r="P22" s="22"/>
      <c r="Q22" s="22"/>
      <c r="R22" s="22"/>
      <c r="S22" s="22"/>
      <c r="T22" s="22"/>
    </row>
    <row r="23" spans="1:20">
      <c r="A23" s="103"/>
      <c r="B23" s="118" t="s">
        <v>181</v>
      </c>
      <c r="C23" s="20">
        <v>1062</v>
      </c>
      <c r="D23" s="20">
        <v>491</v>
      </c>
      <c r="E23" s="20">
        <v>84</v>
      </c>
      <c r="F23" s="20">
        <v>719</v>
      </c>
      <c r="G23" s="20">
        <v>5</v>
      </c>
      <c r="H23" s="20">
        <v>2361</v>
      </c>
      <c r="M23" s="22"/>
      <c r="N23" s="22"/>
      <c r="O23" s="22"/>
      <c r="P23" s="22"/>
      <c r="Q23" s="22"/>
      <c r="R23" s="22"/>
      <c r="S23" s="22"/>
      <c r="T23" s="22"/>
    </row>
    <row r="24" spans="1:20">
      <c r="A24" s="88"/>
      <c r="B24" s="119"/>
      <c r="C24" s="21">
        <v>0.45</v>
      </c>
      <c r="D24" s="21">
        <v>0.20799999999999999</v>
      </c>
      <c r="E24" s="21">
        <v>3.5999999999999997E-2</v>
      </c>
      <c r="F24" s="21">
        <v>0.30499999999999999</v>
      </c>
      <c r="G24" s="21">
        <v>2E-3</v>
      </c>
      <c r="H24" s="21">
        <v>1</v>
      </c>
      <c r="M24" s="22"/>
      <c r="N24" s="22"/>
      <c r="O24" s="22"/>
      <c r="P24" s="22"/>
      <c r="Q24" s="22"/>
      <c r="R24" s="22"/>
      <c r="S24" s="22"/>
      <c r="T24" s="22"/>
    </row>
    <row r="25" spans="1:20">
      <c r="A25" s="87" t="s">
        <v>169</v>
      </c>
      <c r="B25" s="116" t="s">
        <v>180</v>
      </c>
      <c r="C25" s="20">
        <v>63</v>
      </c>
      <c r="D25" s="20">
        <v>39</v>
      </c>
      <c r="E25" s="20">
        <v>6</v>
      </c>
      <c r="F25" s="20">
        <v>37</v>
      </c>
      <c r="G25" s="20">
        <v>0</v>
      </c>
      <c r="H25" s="20">
        <v>145</v>
      </c>
      <c r="M25" s="22"/>
      <c r="N25" s="22"/>
      <c r="O25" s="22"/>
      <c r="P25" s="22"/>
      <c r="Q25" s="22"/>
      <c r="R25" s="22"/>
      <c r="S25" s="22"/>
      <c r="T25" s="22"/>
    </row>
    <row r="26" spans="1:20">
      <c r="A26" s="103"/>
      <c r="B26" s="117"/>
      <c r="C26" s="21">
        <v>0.434</v>
      </c>
      <c r="D26" s="21">
        <v>0.26900000000000002</v>
      </c>
      <c r="E26" s="21">
        <v>4.1000000000000002E-2</v>
      </c>
      <c r="F26" s="21">
        <v>0.255</v>
      </c>
      <c r="G26" s="21">
        <v>0</v>
      </c>
      <c r="H26" s="21">
        <v>1</v>
      </c>
      <c r="M26" s="22"/>
      <c r="N26" s="22"/>
      <c r="O26" s="22"/>
      <c r="P26" s="22"/>
      <c r="Q26" s="22"/>
      <c r="R26" s="22"/>
      <c r="S26" s="22"/>
      <c r="T26" s="22"/>
    </row>
    <row r="27" spans="1:20">
      <c r="A27" s="103"/>
      <c r="B27" s="118" t="s">
        <v>181</v>
      </c>
      <c r="C27" s="20">
        <v>1015</v>
      </c>
      <c r="D27" s="20">
        <v>462</v>
      </c>
      <c r="E27" s="20">
        <v>78</v>
      </c>
      <c r="F27" s="20">
        <v>687</v>
      </c>
      <c r="G27" s="20">
        <v>5</v>
      </c>
      <c r="H27" s="20">
        <v>2247</v>
      </c>
      <c r="M27" s="22"/>
      <c r="N27" s="22"/>
      <c r="O27" s="22"/>
      <c r="P27" s="22"/>
      <c r="Q27" s="22"/>
      <c r="R27" s="22"/>
      <c r="S27" s="22"/>
      <c r="T27" s="22"/>
    </row>
    <row r="28" spans="1:20">
      <c r="A28" s="88"/>
      <c r="B28" s="119"/>
      <c r="C28" s="21">
        <v>0.45200000000000001</v>
      </c>
      <c r="D28" s="21">
        <v>0.20599999999999999</v>
      </c>
      <c r="E28" s="21">
        <v>3.5000000000000003E-2</v>
      </c>
      <c r="F28" s="21">
        <v>0.30599999999999999</v>
      </c>
      <c r="G28" s="21">
        <v>2E-3</v>
      </c>
      <c r="H28" s="21">
        <v>1</v>
      </c>
      <c r="M28" s="22"/>
      <c r="N28" s="22"/>
      <c r="O28" s="22"/>
      <c r="P28" s="22"/>
      <c r="Q28" s="22"/>
      <c r="R28" s="22"/>
      <c r="S28" s="22"/>
      <c r="T28" s="22"/>
    </row>
    <row r="29" spans="1:20">
      <c r="A29" s="15" t="s">
        <v>170</v>
      </c>
      <c r="B29" s="116" t="s">
        <v>180</v>
      </c>
      <c r="C29" s="20">
        <v>295</v>
      </c>
      <c r="D29" s="20">
        <v>251</v>
      </c>
      <c r="E29" s="20">
        <v>57</v>
      </c>
      <c r="F29" s="20">
        <v>254</v>
      </c>
      <c r="G29" s="20">
        <v>0</v>
      </c>
      <c r="H29" s="20">
        <v>857</v>
      </c>
      <c r="M29" s="22"/>
      <c r="N29" s="22"/>
      <c r="O29" s="22"/>
      <c r="P29" s="22"/>
      <c r="Q29" s="22"/>
      <c r="R29" s="22"/>
      <c r="S29" s="22"/>
      <c r="T29" s="22"/>
    </row>
    <row r="30" spans="1:20">
      <c r="A30" s="16"/>
      <c r="B30" s="117"/>
      <c r="C30" s="21">
        <v>0.34399999999999997</v>
      </c>
      <c r="D30" s="21">
        <v>0.29299999999999998</v>
      </c>
      <c r="E30" s="21">
        <v>6.7000000000000004E-2</v>
      </c>
      <c r="F30" s="21">
        <v>0.29599999999999999</v>
      </c>
      <c r="G30" s="21">
        <v>0</v>
      </c>
      <c r="H30" s="21">
        <v>1</v>
      </c>
      <c r="M30" s="22"/>
      <c r="N30" s="22"/>
      <c r="O30" s="22"/>
      <c r="P30" s="22"/>
      <c r="Q30" s="22"/>
      <c r="R30" s="22"/>
      <c r="S30" s="22"/>
      <c r="T30" s="22"/>
    </row>
    <row r="31" spans="1:20">
      <c r="A31" s="19"/>
      <c r="B31" s="118" t="s">
        <v>181</v>
      </c>
      <c r="C31" s="20">
        <v>783</v>
      </c>
      <c r="D31" s="20">
        <v>250</v>
      </c>
      <c r="E31" s="20">
        <v>27</v>
      </c>
      <c r="F31" s="20">
        <v>470</v>
      </c>
      <c r="G31" s="20">
        <v>5</v>
      </c>
      <c r="H31" s="20">
        <v>1535</v>
      </c>
      <c r="M31" s="22"/>
      <c r="N31" s="22"/>
      <c r="O31" s="22"/>
      <c r="P31" s="22"/>
      <c r="Q31" s="22"/>
      <c r="R31" s="22"/>
      <c r="S31" s="22"/>
      <c r="T31" s="22"/>
    </row>
    <row r="32" spans="1:20">
      <c r="A32" s="17"/>
      <c r="B32" s="119"/>
      <c r="C32" s="21">
        <v>0.51</v>
      </c>
      <c r="D32" s="21">
        <v>0.16300000000000001</v>
      </c>
      <c r="E32" s="21">
        <v>1.7999999999999999E-2</v>
      </c>
      <c r="F32" s="21">
        <v>0.30599999999999999</v>
      </c>
      <c r="G32" s="21">
        <v>3.0000000000000001E-3</v>
      </c>
      <c r="H32" s="21">
        <v>1</v>
      </c>
      <c r="M32" s="22"/>
      <c r="N32" s="22"/>
      <c r="O32" s="22"/>
      <c r="P32" s="22"/>
      <c r="Q32" s="22"/>
      <c r="R32" s="22"/>
      <c r="S32" s="22"/>
      <c r="T32" s="22"/>
    </row>
    <row r="33" spans="1:20">
      <c r="A33" s="95" t="s">
        <v>566</v>
      </c>
      <c r="B33" s="116" t="s">
        <v>180</v>
      </c>
      <c r="C33" s="20">
        <v>53</v>
      </c>
      <c r="D33" s="20">
        <v>24</v>
      </c>
      <c r="E33" s="20">
        <v>3</v>
      </c>
      <c r="F33" s="20">
        <v>28</v>
      </c>
      <c r="G33" s="20">
        <v>0</v>
      </c>
      <c r="H33" s="20">
        <v>108</v>
      </c>
      <c r="M33" s="22"/>
      <c r="N33" s="22"/>
      <c r="O33" s="22"/>
      <c r="P33" s="22"/>
      <c r="Q33" s="22"/>
      <c r="R33" s="22"/>
      <c r="S33" s="22"/>
      <c r="T33" s="22"/>
    </row>
    <row r="34" spans="1:20">
      <c r="A34" s="103"/>
      <c r="B34" s="117"/>
      <c r="C34" s="21">
        <v>0.49099999999999999</v>
      </c>
      <c r="D34" s="21">
        <v>0.222</v>
      </c>
      <c r="E34" s="21">
        <v>2.8000000000000001E-2</v>
      </c>
      <c r="F34" s="21">
        <v>0.25900000000000001</v>
      </c>
      <c r="G34" s="21">
        <v>0</v>
      </c>
      <c r="H34" s="21">
        <v>1</v>
      </c>
      <c r="M34" s="22"/>
      <c r="N34" s="22"/>
      <c r="O34" s="22"/>
      <c r="P34" s="22"/>
      <c r="Q34" s="22"/>
      <c r="R34" s="22"/>
      <c r="S34" s="22"/>
      <c r="T34" s="22"/>
    </row>
    <row r="35" spans="1:20">
      <c r="A35" s="103"/>
      <c r="B35" s="118" t="s">
        <v>181</v>
      </c>
      <c r="C35" s="20">
        <v>1025</v>
      </c>
      <c r="D35" s="20">
        <v>477</v>
      </c>
      <c r="E35" s="20">
        <v>81</v>
      </c>
      <c r="F35" s="20">
        <v>696</v>
      </c>
      <c r="G35" s="20">
        <v>5</v>
      </c>
      <c r="H35" s="20">
        <v>2284</v>
      </c>
      <c r="M35" s="22"/>
      <c r="N35" s="22"/>
      <c r="O35" s="22"/>
      <c r="P35" s="22"/>
      <c r="Q35" s="22"/>
      <c r="R35" s="22"/>
      <c r="S35" s="22"/>
      <c r="T35" s="22"/>
    </row>
    <row r="36" spans="1:20">
      <c r="A36" s="88"/>
      <c r="B36" s="119"/>
      <c r="C36" s="21">
        <v>0.44900000000000001</v>
      </c>
      <c r="D36" s="21">
        <v>0.20899999999999999</v>
      </c>
      <c r="E36" s="21">
        <v>3.5000000000000003E-2</v>
      </c>
      <c r="F36" s="21">
        <v>0.30499999999999999</v>
      </c>
      <c r="G36" s="21">
        <v>2E-3</v>
      </c>
      <c r="H36" s="21">
        <v>1</v>
      </c>
      <c r="M36" s="22"/>
      <c r="N36" s="22"/>
      <c r="O36" s="22"/>
      <c r="P36" s="22"/>
      <c r="Q36" s="22"/>
      <c r="R36" s="22"/>
      <c r="S36" s="22"/>
      <c r="T36" s="22"/>
    </row>
    <row r="37" spans="1:20">
      <c r="A37" s="87" t="s">
        <v>172</v>
      </c>
      <c r="B37" s="116" t="s">
        <v>180</v>
      </c>
      <c r="C37" s="20">
        <v>142</v>
      </c>
      <c r="D37" s="20">
        <v>76</v>
      </c>
      <c r="E37" s="20">
        <v>7</v>
      </c>
      <c r="F37" s="20">
        <v>95</v>
      </c>
      <c r="G37" s="20">
        <v>0</v>
      </c>
      <c r="H37" s="20">
        <v>320</v>
      </c>
      <c r="M37" s="22"/>
      <c r="N37" s="22"/>
      <c r="O37" s="22"/>
      <c r="P37" s="22"/>
      <c r="Q37" s="22"/>
      <c r="R37" s="22"/>
      <c r="S37" s="22"/>
      <c r="T37" s="22"/>
    </row>
    <row r="38" spans="1:20">
      <c r="A38" s="103"/>
      <c r="B38" s="117"/>
      <c r="C38" s="21">
        <v>0.44400000000000001</v>
      </c>
      <c r="D38" s="21">
        <v>0.23799999999999999</v>
      </c>
      <c r="E38" s="21">
        <v>2.1999999999999999E-2</v>
      </c>
      <c r="F38" s="21">
        <v>0.29699999999999999</v>
      </c>
      <c r="G38" s="21">
        <v>0</v>
      </c>
      <c r="H38" s="21">
        <v>1</v>
      </c>
      <c r="M38" s="22"/>
      <c r="N38" s="22"/>
      <c r="O38" s="22"/>
      <c r="P38" s="22"/>
      <c r="Q38" s="22"/>
      <c r="R38" s="22"/>
      <c r="S38" s="22"/>
      <c r="T38" s="22"/>
    </row>
    <row r="39" spans="1:20">
      <c r="A39" s="103"/>
      <c r="B39" s="118" t="s">
        <v>181</v>
      </c>
      <c r="C39" s="20">
        <v>936</v>
      </c>
      <c r="D39" s="20">
        <v>425</v>
      </c>
      <c r="E39" s="20">
        <v>77</v>
      </c>
      <c r="F39" s="20">
        <v>629</v>
      </c>
      <c r="G39" s="20">
        <v>5</v>
      </c>
      <c r="H39" s="20">
        <v>2072</v>
      </c>
      <c r="M39" s="22"/>
      <c r="N39" s="22"/>
      <c r="O39" s="22"/>
      <c r="P39" s="22"/>
      <c r="Q39" s="22"/>
      <c r="R39" s="22"/>
      <c r="S39" s="22"/>
      <c r="T39" s="22"/>
    </row>
    <row r="40" spans="1:20">
      <c r="A40" s="88"/>
      <c r="B40" s="119"/>
      <c r="C40" s="21">
        <v>0.45200000000000001</v>
      </c>
      <c r="D40" s="21">
        <v>0.20499999999999999</v>
      </c>
      <c r="E40" s="21">
        <v>3.6999999999999998E-2</v>
      </c>
      <c r="F40" s="21">
        <v>0.30399999999999999</v>
      </c>
      <c r="G40" s="21">
        <v>2E-3</v>
      </c>
      <c r="H40" s="21">
        <v>1</v>
      </c>
      <c r="M40" s="22"/>
      <c r="N40" s="22"/>
      <c r="O40" s="22"/>
      <c r="P40" s="22"/>
      <c r="Q40" s="22"/>
      <c r="R40" s="22"/>
      <c r="S40" s="22"/>
      <c r="T40" s="22"/>
    </row>
    <row r="41" spans="1:20">
      <c r="A41" s="87" t="s">
        <v>173</v>
      </c>
      <c r="B41" s="116" t="s">
        <v>180</v>
      </c>
      <c r="C41" s="20">
        <v>19</v>
      </c>
      <c r="D41" s="20">
        <v>17</v>
      </c>
      <c r="E41" s="20">
        <v>1</v>
      </c>
      <c r="F41" s="20">
        <v>12</v>
      </c>
      <c r="G41" s="20">
        <v>0</v>
      </c>
      <c r="H41" s="20">
        <v>49</v>
      </c>
      <c r="M41" s="22"/>
      <c r="N41" s="22"/>
      <c r="O41" s="22"/>
      <c r="P41" s="22"/>
      <c r="Q41" s="22"/>
      <c r="R41" s="22"/>
      <c r="S41" s="22"/>
      <c r="T41" s="22"/>
    </row>
    <row r="42" spans="1:20">
      <c r="A42" s="103"/>
      <c r="B42" s="117"/>
      <c r="C42" s="21">
        <v>0.38800000000000001</v>
      </c>
      <c r="D42" s="21">
        <v>0.34699999999999998</v>
      </c>
      <c r="E42" s="21">
        <v>0.02</v>
      </c>
      <c r="F42" s="21">
        <v>0.245</v>
      </c>
      <c r="G42" s="21">
        <v>0</v>
      </c>
      <c r="H42" s="21">
        <v>1</v>
      </c>
      <c r="M42" s="22"/>
      <c r="N42" s="22"/>
      <c r="O42" s="22"/>
      <c r="P42" s="22"/>
      <c r="Q42" s="22"/>
      <c r="R42" s="22"/>
      <c r="S42" s="22"/>
      <c r="T42" s="22"/>
    </row>
    <row r="43" spans="1:20">
      <c r="A43" s="103"/>
      <c r="B43" s="118" t="s">
        <v>181</v>
      </c>
      <c r="C43" s="20">
        <v>1059</v>
      </c>
      <c r="D43" s="20">
        <v>484</v>
      </c>
      <c r="E43" s="20">
        <v>83</v>
      </c>
      <c r="F43" s="20">
        <v>712</v>
      </c>
      <c r="G43" s="20">
        <v>5</v>
      </c>
      <c r="H43" s="20">
        <v>2343</v>
      </c>
      <c r="M43" s="22"/>
      <c r="N43" s="22"/>
      <c r="O43" s="22"/>
      <c r="P43" s="22"/>
      <c r="Q43" s="22"/>
      <c r="R43" s="22"/>
      <c r="S43" s="22"/>
      <c r="T43" s="22"/>
    </row>
    <row r="44" spans="1:20">
      <c r="A44" s="88"/>
      <c r="B44" s="119"/>
      <c r="C44" s="21">
        <v>0.45200000000000001</v>
      </c>
      <c r="D44" s="21">
        <v>0.20699999999999999</v>
      </c>
      <c r="E44" s="21">
        <v>3.5000000000000003E-2</v>
      </c>
      <c r="F44" s="21">
        <v>0.30399999999999999</v>
      </c>
      <c r="G44" s="21">
        <v>2E-3</v>
      </c>
      <c r="H44" s="21">
        <v>1</v>
      </c>
      <c r="M44" s="22"/>
      <c r="N44" s="22"/>
      <c r="O44" s="22"/>
      <c r="P44" s="22"/>
      <c r="Q44" s="22"/>
      <c r="R44" s="22"/>
      <c r="S44" s="22"/>
      <c r="T44" s="22"/>
    </row>
    <row r="45" spans="1:20">
      <c r="A45" s="112" t="s">
        <v>15</v>
      </c>
      <c r="B45" s="113"/>
      <c r="C45" s="20">
        <v>1078</v>
      </c>
      <c r="D45" s="20">
        <v>501</v>
      </c>
      <c r="E45" s="20">
        <v>84</v>
      </c>
      <c r="F45" s="20">
        <v>724</v>
      </c>
      <c r="G45" s="20">
        <v>5</v>
      </c>
      <c r="H45" s="20">
        <v>2392</v>
      </c>
      <c r="M45" s="22"/>
      <c r="N45" s="22"/>
      <c r="O45" s="22"/>
      <c r="P45" s="22"/>
      <c r="Q45" s="22"/>
      <c r="R45" s="22"/>
    </row>
    <row r="46" spans="1:20">
      <c r="A46" s="114"/>
      <c r="B46" s="115"/>
      <c r="C46" s="21">
        <v>0.45100000000000001</v>
      </c>
      <c r="D46" s="21">
        <v>0.20899999999999999</v>
      </c>
      <c r="E46" s="21">
        <v>3.5000000000000003E-2</v>
      </c>
      <c r="F46" s="21">
        <v>0.30299999999999999</v>
      </c>
      <c r="G46" s="21">
        <v>2E-3</v>
      </c>
      <c r="H46" s="21">
        <v>1</v>
      </c>
      <c r="M46" s="22"/>
      <c r="N46" s="22"/>
      <c r="O46" s="22"/>
      <c r="P46" s="22"/>
      <c r="Q46" s="22"/>
      <c r="R46" s="22"/>
      <c r="S46" s="22"/>
      <c r="T46" s="22"/>
    </row>
    <row r="47" spans="1:20">
      <c r="A47" s="80" t="s">
        <v>218</v>
      </c>
      <c r="B47" s="80"/>
      <c r="C47" s="80"/>
      <c r="D47" s="80"/>
      <c r="E47" s="80"/>
      <c r="F47" s="80"/>
      <c r="G47" s="80"/>
      <c r="H47" s="80"/>
      <c r="M47" s="22"/>
      <c r="N47" s="22"/>
      <c r="O47" s="22"/>
      <c r="P47" s="22"/>
      <c r="Q47" s="22"/>
      <c r="R47" s="22"/>
    </row>
    <row r="48" spans="1:20">
      <c r="B48" s="14"/>
      <c r="C48" s="25"/>
      <c r="D48" s="25"/>
      <c r="E48" s="25"/>
      <c r="F48" s="25"/>
      <c r="G48" s="25"/>
      <c r="H48" s="25"/>
      <c r="M48" s="22"/>
      <c r="N48" s="22"/>
      <c r="O48" s="22"/>
      <c r="P48" s="22"/>
      <c r="Q48" s="22"/>
      <c r="R48" s="22"/>
    </row>
    <row r="49" spans="13:18">
      <c r="M49" s="22"/>
      <c r="N49" s="22"/>
      <c r="O49" s="22"/>
      <c r="P49" s="22"/>
      <c r="Q49" s="22"/>
      <c r="R49" s="22"/>
    </row>
  </sheetData>
  <mergeCells count="34">
    <mergeCell ref="A1:H1"/>
    <mergeCell ref="A3:B4"/>
    <mergeCell ref="C3:H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H4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9"/>
  <dimension ref="A1:Q11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5" width="9" style="18" customWidth="1"/>
    <col min="6" max="16384" width="9" style="18"/>
  </cols>
  <sheetData>
    <row r="1" spans="1:17">
      <c r="A1" s="70" t="s">
        <v>571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84" t="s">
        <v>84</v>
      </c>
      <c r="B3" s="76" t="s">
        <v>125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8" t="s">
        <v>86</v>
      </c>
      <c r="B5" s="20">
        <v>2454</v>
      </c>
      <c r="C5" s="20">
        <v>1457</v>
      </c>
      <c r="D5" s="20">
        <v>94</v>
      </c>
      <c r="E5" s="20">
        <v>4005</v>
      </c>
    </row>
    <row r="6" spans="1:17">
      <c r="A6" s="77"/>
      <c r="B6" s="21">
        <v>0.61299999999999999</v>
      </c>
      <c r="C6" s="21">
        <v>0.36399999999999999</v>
      </c>
      <c r="D6" s="21">
        <v>2.3E-2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5</v>
      </c>
      <c r="B7" s="20">
        <v>2454</v>
      </c>
      <c r="C7" s="20">
        <v>1457</v>
      </c>
      <c r="D7" s="20">
        <v>94</v>
      </c>
      <c r="E7" s="20">
        <v>4005</v>
      </c>
    </row>
    <row r="8" spans="1:17">
      <c r="A8" s="74"/>
      <c r="B8" s="21">
        <v>0.61299999999999999</v>
      </c>
      <c r="C8" s="21">
        <v>0.36399999999999999</v>
      </c>
      <c r="D8" s="21">
        <v>2.3E-2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 ht="14.25" customHeight="1">
      <c r="A9" s="80" t="s">
        <v>216</v>
      </c>
      <c r="B9" s="80"/>
      <c r="C9" s="80"/>
      <c r="D9" s="80"/>
      <c r="E9" s="80"/>
      <c r="J9" s="22"/>
      <c r="K9" s="22"/>
      <c r="L9" s="22"/>
      <c r="M9" s="22"/>
      <c r="N9" s="22"/>
    </row>
    <row r="10" spans="1:17">
      <c r="A10" s="108"/>
      <c r="B10" s="108"/>
      <c r="C10" s="108"/>
      <c r="D10" s="108"/>
      <c r="E10" s="108"/>
      <c r="J10" s="22"/>
      <c r="K10" s="22"/>
      <c r="L10" s="22"/>
      <c r="M10" s="22"/>
      <c r="N10" s="22"/>
      <c r="O10" s="22"/>
    </row>
    <row r="11" spans="1:17">
      <c r="A11" s="108"/>
      <c r="B11" s="108"/>
      <c r="C11" s="108"/>
      <c r="D11" s="108"/>
      <c r="E11" s="108"/>
    </row>
  </sheetData>
  <mergeCells count="6">
    <mergeCell ref="A9:E11"/>
    <mergeCell ref="A7:A8"/>
    <mergeCell ref="A1:E1"/>
    <mergeCell ref="A3:A4"/>
    <mergeCell ref="B3:E3"/>
    <mergeCell ref="A5:A6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0"/>
  <dimension ref="A1:S14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3" width="9" style="18" customWidth="1"/>
    <col min="4" max="5" width="9.5" style="18" bestFit="1" customWidth="1"/>
    <col min="6" max="7" width="9" style="18" customWidth="1"/>
    <col min="8" max="16384" width="9" style="18"/>
  </cols>
  <sheetData>
    <row r="1" spans="1:19">
      <c r="A1" s="70" t="s">
        <v>572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84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212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8" t="s">
        <v>86</v>
      </c>
      <c r="B5" s="20">
        <v>253</v>
      </c>
      <c r="C5" s="20">
        <v>887</v>
      </c>
      <c r="D5" s="20">
        <v>1234</v>
      </c>
      <c r="E5" s="20">
        <v>1622</v>
      </c>
      <c r="F5" s="20">
        <v>9</v>
      </c>
      <c r="G5" s="20">
        <v>4005</v>
      </c>
    </row>
    <row r="6" spans="1:19">
      <c r="A6" s="77"/>
      <c r="B6" s="21">
        <v>6.3E-2</v>
      </c>
      <c r="C6" s="21">
        <v>0.221</v>
      </c>
      <c r="D6" s="21">
        <v>0.308</v>
      </c>
      <c r="E6" s="21">
        <v>0.40500000000000003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87</v>
      </c>
      <c r="B7" s="20">
        <v>179</v>
      </c>
      <c r="C7" s="20">
        <v>533</v>
      </c>
      <c r="D7" s="20">
        <v>596</v>
      </c>
      <c r="E7" s="20">
        <v>732</v>
      </c>
      <c r="F7" s="20">
        <v>5</v>
      </c>
      <c r="G7" s="20">
        <v>2045</v>
      </c>
      <c r="L7" s="22"/>
      <c r="M7" s="22"/>
      <c r="N7" s="22"/>
      <c r="O7" s="22"/>
      <c r="P7" s="22"/>
      <c r="Q7" s="22"/>
      <c r="R7" s="22"/>
      <c r="S7" s="22"/>
    </row>
    <row r="8" spans="1:19">
      <c r="A8" s="77"/>
      <c r="B8" s="21">
        <v>8.7999999999999995E-2</v>
      </c>
      <c r="C8" s="21">
        <v>0.26100000000000001</v>
      </c>
      <c r="D8" s="21">
        <v>0.29099999999999998</v>
      </c>
      <c r="E8" s="21">
        <v>0.35799999999999998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</v>
      </c>
      <c r="B9" s="20">
        <v>3</v>
      </c>
      <c r="C9" s="20">
        <v>4</v>
      </c>
      <c r="D9" s="20">
        <v>1</v>
      </c>
      <c r="E9" s="20">
        <v>7</v>
      </c>
      <c r="F9" s="20">
        <v>5</v>
      </c>
      <c r="G9" s="20">
        <v>20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0.15</v>
      </c>
      <c r="C10" s="21">
        <v>0.2</v>
      </c>
      <c r="D10" s="21">
        <v>0.05</v>
      </c>
      <c r="E10" s="21">
        <v>0.35</v>
      </c>
      <c r="F10" s="21">
        <v>0.25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435</v>
      </c>
      <c r="C11" s="20">
        <v>1424</v>
      </c>
      <c r="D11" s="20">
        <v>1831</v>
      </c>
      <c r="E11" s="20">
        <v>2361</v>
      </c>
      <c r="F11" s="20">
        <v>19</v>
      </c>
      <c r="G11" s="20">
        <v>6070</v>
      </c>
    </row>
    <row r="12" spans="1:19">
      <c r="A12" s="74"/>
      <c r="B12" s="21">
        <v>7.1999999999999995E-2</v>
      </c>
      <c r="C12" s="21">
        <v>0.23499999999999999</v>
      </c>
      <c r="D12" s="21">
        <v>0.30199999999999999</v>
      </c>
      <c r="E12" s="21">
        <v>0.38900000000000001</v>
      </c>
      <c r="F12" s="21">
        <v>3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0" t="s">
        <v>217</v>
      </c>
      <c r="B13" s="98"/>
      <c r="C13" s="98"/>
      <c r="D13" s="98"/>
      <c r="E13" s="98"/>
      <c r="F13" s="98"/>
      <c r="G13" s="98"/>
      <c r="L13" s="22"/>
      <c r="M13" s="22"/>
      <c r="N13" s="22"/>
      <c r="O13" s="22"/>
      <c r="P13" s="22"/>
      <c r="Q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13:G13"/>
    <mergeCell ref="A7:A8"/>
    <mergeCell ref="A9:A10"/>
    <mergeCell ref="A1:G1"/>
    <mergeCell ref="A3:A4"/>
    <mergeCell ref="B3:G3"/>
    <mergeCell ref="A5:A6"/>
    <mergeCell ref="A11:A12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2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1"/>
  <dimension ref="A1:R14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2" width="9" style="18" customWidth="1"/>
    <col min="3" max="3" width="8.625" style="18" customWidth="1"/>
    <col min="4" max="6" width="9" style="18" customWidth="1"/>
    <col min="7" max="16384" width="9" style="18"/>
  </cols>
  <sheetData>
    <row r="1" spans="1:18">
      <c r="A1" s="70" t="s">
        <v>573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84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8" t="s">
        <v>86</v>
      </c>
      <c r="B5" s="20">
        <v>411</v>
      </c>
      <c r="C5" s="20">
        <v>755</v>
      </c>
      <c r="D5" s="20">
        <v>2819</v>
      </c>
      <c r="E5" s="20">
        <v>20</v>
      </c>
      <c r="F5" s="20">
        <v>4005</v>
      </c>
    </row>
    <row r="6" spans="1:18">
      <c r="A6" s="77"/>
      <c r="B6" s="21">
        <v>0.10299999999999999</v>
      </c>
      <c r="C6" s="21">
        <v>0.189</v>
      </c>
      <c r="D6" s="21">
        <v>0.70399999999999996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87</v>
      </c>
      <c r="B7" s="20">
        <v>182</v>
      </c>
      <c r="C7" s="20">
        <v>367</v>
      </c>
      <c r="D7" s="20">
        <v>1488</v>
      </c>
      <c r="E7" s="20">
        <v>8</v>
      </c>
      <c r="F7" s="20">
        <v>2045</v>
      </c>
      <c r="K7" s="22"/>
      <c r="L7" s="22"/>
      <c r="M7" s="22"/>
      <c r="N7" s="22"/>
      <c r="O7" s="22"/>
      <c r="P7" s="22"/>
      <c r="Q7" s="22"/>
      <c r="R7" s="22"/>
    </row>
    <row r="8" spans="1:18">
      <c r="A8" s="77"/>
      <c r="B8" s="21">
        <v>8.8999999999999996E-2</v>
      </c>
      <c r="C8" s="21">
        <v>0.17899999999999999</v>
      </c>
      <c r="D8" s="21">
        <v>0.72799999999999998</v>
      </c>
      <c r="E8" s="21">
        <v>4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0">
        <v>0</v>
      </c>
      <c r="C9" s="20">
        <v>1</v>
      </c>
      <c r="D9" s="20">
        <v>13</v>
      </c>
      <c r="E9" s="20">
        <v>6</v>
      </c>
      <c r="F9" s="20">
        <v>20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0</v>
      </c>
      <c r="C10" s="21">
        <v>0.05</v>
      </c>
      <c r="D10" s="21">
        <v>0.65</v>
      </c>
      <c r="E10" s="21">
        <v>0.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593</v>
      </c>
      <c r="C11" s="20">
        <v>1123</v>
      </c>
      <c r="D11" s="20">
        <v>4320</v>
      </c>
      <c r="E11" s="20">
        <v>34</v>
      </c>
      <c r="F11" s="20">
        <v>6070</v>
      </c>
    </row>
    <row r="12" spans="1:18">
      <c r="A12" s="74"/>
      <c r="B12" s="21">
        <v>9.8000000000000004E-2</v>
      </c>
      <c r="C12" s="21">
        <v>0.185</v>
      </c>
      <c r="D12" s="21">
        <v>0.71199999999999997</v>
      </c>
      <c r="E12" s="21">
        <v>6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80" t="s">
        <v>227</v>
      </c>
      <c r="B13" s="80"/>
      <c r="C13" s="80"/>
      <c r="D13" s="80"/>
      <c r="E13" s="80"/>
      <c r="F13" s="80"/>
      <c r="K13" s="22"/>
      <c r="L13" s="22"/>
      <c r="M13" s="22"/>
      <c r="N13" s="22"/>
      <c r="O13" s="22"/>
      <c r="P13" s="22"/>
    </row>
    <row r="14" spans="1:18">
      <c r="A14" s="108"/>
      <c r="B14" s="108"/>
      <c r="C14" s="108"/>
      <c r="D14" s="108"/>
      <c r="E14" s="108"/>
      <c r="F14" s="108"/>
      <c r="K14" s="22"/>
      <c r="L14" s="22"/>
      <c r="M14" s="22"/>
      <c r="N14" s="22"/>
      <c r="O14" s="22"/>
      <c r="P14" s="2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2"/>
  <dimension ref="A1:R14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74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84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8" t="s">
        <v>86</v>
      </c>
      <c r="B5" s="20">
        <v>1769</v>
      </c>
      <c r="C5" s="20">
        <v>1696</v>
      </c>
      <c r="D5" s="20">
        <v>537</v>
      </c>
      <c r="E5" s="20">
        <v>3</v>
      </c>
      <c r="F5" s="20">
        <v>4005</v>
      </c>
    </row>
    <row r="6" spans="1:18">
      <c r="A6" s="77"/>
      <c r="B6" s="21">
        <v>0.442</v>
      </c>
      <c r="C6" s="21">
        <v>0.42299999999999999</v>
      </c>
      <c r="D6" s="21">
        <v>0.13400000000000001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87</v>
      </c>
      <c r="B7" s="20">
        <v>685</v>
      </c>
      <c r="C7" s="20">
        <v>962</v>
      </c>
      <c r="D7" s="20">
        <v>393</v>
      </c>
      <c r="E7" s="20">
        <v>5</v>
      </c>
      <c r="F7" s="20">
        <v>2045</v>
      </c>
      <c r="K7" s="22"/>
      <c r="L7" s="22"/>
      <c r="M7" s="22"/>
      <c r="N7" s="22"/>
      <c r="O7" s="22"/>
      <c r="P7" s="22"/>
      <c r="Q7" s="22"/>
      <c r="R7" s="22"/>
    </row>
    <row r="8" spans="1:18">
      <c r="A8" s="77"/>
      <c r="B8" s="21">
        <v>0.33500000000000002</v>
      </c>
      <c r="C8" s="21">
        <v>0.47</v>
      </c>
      <c r="D8" s="21">
        <v>0.192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0">
        <v>3</v>
      </c>
      <c r="C9" s="20">
        <v>8</v>
      </c>
      <c r="D9" s="20">
        <v>4</v>
      </c>
      <c r="E9" s="20">
        <v>5</v>
      </c>
      <c r="F9" s="20">
        <v>20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0.15</v>
      </c>
      <c r="C10" s="21">
        <v>0.4</v>
      </c>
      <c r="D10" s="21">
        <v>0.2</v>
      </c>
      <c r="E10" s="21">
        <v>0.25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2457</v>
      </c>
      <c r="C11" s="20">
        <v>2666</v>
      </c>
      <c r="D11" s="20">
        <v>934</v>
      </c>
      <c r="E11" s="20">
        <v>13</v>
      </c>
      <c r="F11" s="20">
        <v>6070</v>
      </c>
    </row>
    <row r="12" spans="1:18">
      <c r="A12" s="74"/>
      <c r="B12" s="21">
        <v>0.40500000000000003</v>
      </c>
      <c r="C12" s="21">
        <v>0.439</v>
      </c>
      <c r="D12" s="21">
        <v>0.154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80" t="s">
        <v>261</v>
      </c>
      <c r="B13" s="98"/>
      <c r="C13" s="98"/>
      <c r="D13" s="98"/>
      <c r="E13" s="98"/>
      <c r="F13" s="98"/>
      <c r="K13" s="22"/>
      <c r="L13" s="22"/>
      <c r="M13" s="22"/>
      <c r="N13" s="22"/>
      <c r="O13" s="22"/>
      <c r="P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2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3"/>
  <dimension ref="A1:S14"/>
  <sheetViews>
    <sheetView workbookViewId="0">
      <selection activeCell="A2" sqref="A2"/>
    </sheetView>
  </sheetViews>
  <sheetFormatPr defaultColWidth="9" defaultRowHeight="14.25"/>
  <cols>
    <col min="1" max="1" width="20.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75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84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9">
      <c r="A5" s="78" t="s">
        <v>86</v>
      </c>
      <c r="B5" s="20">
        <v>801</v>
      </c>
      <c r="C5" s="20">
        <v>390</v>
      </c>
      <c r="D5" s="20">
        <v>61</v>
      </c>
      <c r="E5" s="20">
        <v>513</v>
      </c>
      <c r="F5" s="20">
        <v>4</v>
      </c>
      <c r="G5" s="20">
        <v>1769</v>
      </c>
    </row>
    <row r="6" spans="1:19">
      <c r="A6" s="77"/>
      <c r="B6" s="21">
        <v>0.45300000000000001</v>
      </c>
      <c r="C6" s="21">
        <v>0.22</v>
      </c>
      <c r="D6" s="21">
        <v>3.4000000000000002E-2</v>
      </c>
      <c r="E6" s="21">
        <v>0.28999999999999998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87</v>
      </c>
      <c r="B7" s="20">
        <v>304</v>
      </c>
      <c r="C7" s="20">
        <v>119</v>
      </c>
      <c r="D7" s="20">
        <v>23</v>
      </c>
      <c r="E7" s="20">
        <v>237</v>
      </c>
      <c r="F7" s="20">
        <v>2</v>
      </c>
      <c r="G7" s="20">
        <v>685</v>
      </c>
      <c r="L7" s="22"/>
      <c r="M7" s="22"/>
      <c r="N7" s="22"/>
      <c r="O7" s="22"/>
      <c r="P7" s="22"/>
      <c r="Q7" s="22"/>
      <c r="R7" s="22"/>
      <c r="S7" s="22"/>
    </row>
    <row r="8" spans="1:19">
      <c r="A8" s="77"/>
      <c r="B8" s="21">
        <v>0.44400000000000001</v>
      </c>
      <c r="C8" s="21">
        <v>0.17399999999999999</v>
      </c>
      <c r="D8" s="21">
        <v>3.4000000000000002E-2</v>
      </c>
      <c r="E8" s="21">
        <v>0.34599999999999997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</v>
      </c>
      <c r="B9" s="20">
        <v>0</v>
      </c>
      <c r="C9" s="20">
        <v>3</v>
      </c>
      <c r="D9" s="20">
        <v>0</v>
      </c>
      <c r="E9" s="20">
        <v>0</v>
      </c>
      <c r="F9" s="20">
        <v>0</v>
      </c>
      <c r="G9" s="20">
        <v>3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0</v>
      </c>
      <c r="C10" s="21">
        <v>1</v>
      </c>
      <c r="D10" s="21">
        <v>0</v>
      </c>
      <c r="E10" s="21">
        <v>0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1105</v>
      </c>
      <c r="C11" s="20">
        <v>512</v>
      </c>
      <c r="D11" s="20">
        <v>84</v>
      </c>
      <c r="E11" s="20">
        <v>750</v>
      </c>
      <c r="F11" s="20">
        <v>6</v>
      </c>
      <c r="G11" s="20">
        <v>2457</v>
      </c>
    </row>
    <row r="12" spans="1:19">
      <c r="A12" s="74"/>
      <c r="B12" s="21">
        <v>0.45</v>
      </c>
      <c r="C12" s="21">
        <v>0.20799999999999999</v>
      </c>
      <c r="D12" s="21">
        <v>3.4000000000000002E-2</v>
      </c>
      <c r="E12" s="21">
        <v>0.30499999999999999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0" t="s">
        <v>218</v>
      </c>
      <c r="B13" s="98"/>
      <c r="C13" s="98"/>
      <c r="D13" s="98"/>
      <c r="E13" s="98"/>
      <c r="F13" s="98"/>
      <c r="G13" s="98"/>
      <c r="L13" s="22"/>
      <c r="M13" s="22"/>
      <c r="N13" s="22"/>
      <c r="O13" s="22"/>
      <c r="P13" s="22"/>
      <c r="Q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N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8.875" style="18" customWidth="1"/>
    <col min="6" max="16384" width="9" style="18"/>
  </cols>
  <sheetData>
    <row r="1" spans="1:14">
      <c r="A1" s="70" t="s">
        <v>247</v>
      </c>
      <c r="B1" s="70"/>
      <c r="C1" s="70"/>
      <c r="D1" s="70"/>
      <c r="E1" s="70"/>
    </row>
    <row r="2" spans="1:14">
      <c r="A2" s="121" t="s">
        <v>613</v>
      </c>
      <c r="B2" s="36"/>
      <c r="C2" s="36"/>
      <c r="D2" s="36"/>
      <c r="E2" s="36"/>
    </row>
    <row r="3" spans="1:14">
      <c r="A3" s="75" t="s">
        <v>6</v>
      </c>
      <c r="B3" s="76" t="s">
        <v>24</v>
      </c>
      <c r="C3" s="76"/>
      <c r="D3" s="76"/>
      <c r="E3" s="76"/>
    </row>
    <row r="4" spans="1:14">
      <c r="A4" s="75"/>
      <c r="B4" s="11" t="s">
        <v>25</v>
      </c>
      <c r="C4" s="11" t="s">
        <v>145</v>
      </c>
      <c r="D4" s="11" t="s">
        <v>22</v>
      </c>
      <c r="E4" s="12" t="s">
        <v>15</v>
      </c>
    </row>
    <row r="5" spans="1:14">
      <c r="A5" s="73" t="s">
        <v>7</v>
      </c>
      <c r="B5" s="20">
        <v>868</v>
      </c>
      <c r="C5" s="20">
        <v>215</v>
      </c>
      <c r="D5" s="20">
        <v>61</v>
      </c>
      <c r="E5" s="20">
        <v>1144</v>
      </c>
    </row>
    <row r="6" spans="1:14">
      <c r="A6" s="77"/>
      <c r="B6" s="21">
        <v>0.75900000000000001</v>
      </c>
      <c r="C6" s="21">
        <v>0.188</v>
      </c>
      <c r="D6" s="21">
        <v>5.2999999999999999E-2</v>
      </c>
      <c r="E6" s="21">
        <v>1</v>
      </c>
    </row>
    <row r="7" spans="1:14">
      <c r="A7" s="73" t="s">
        <v>8</v>
      </c>
      <c r="B7" s="24">
        <v>183</v>
      </c>
      <c r="C7" s="24">
        <v>49</v>
      </c>
      <c r="D7" s="24">
        <v>16</v>
      </c>
      <c r="E7" s="20">
        <v>248</v>
      </c>
      <c r="J7" s="22"/>
      <c r="K7" s="22"/>
      <c r="L7" s="22"/>
      <c r="M7" s="22"/>
      <c r="N7" s="22"/>
    </row>
    <row r="8" spans="1:14">
      <c r="A8" s="74"/>
      <c r="B8" s="21">
        <v>0.73799999999999999</v>
      </c>
      <c r="C8" s="21">
        <v>0.19800000000000001</v>
      </c>
      <c r="D8" s="21">
        <v>6.5000000000000002E-2</v>
      </c>
      <c r="E8" s="21">
        <v>1</v>
      </c>
    </row>
    <row r="9" spans="1:14">
      <c r="A9" s="73" t="s">
        <v>9</v>
      </c>
      <c r="B9" s="24">
        <v>292</v>
      </c>
      <c r="C9" s="24">
        <v>90</v>
      </c>
      <c r="D9" s="24">
        <v>23</v>
      </c>
      <c r="E9" s="24">
        <v>405</v>
      </c>
      <c r="J9" s="22"/>
      <c r="K9" s="22"/>
      <c r="L9" s="22"/>
      <c r="M9" s="22"/>
      <c r="N9" s="22"/>
    </row>
    <row r="10" spans="1:14">
      <c r="A10" s="74"/>
      <c r="B10" s="21">
        <v>0.72099999999999997</v>
      </c>
      <c r="C10" s="21">
        <v>0.222</v>
      </c>
      <c r="D10" s="21">
        <v>5.7000000000000002E-2</v>
      </c>
      <c r="E10" s="21">
        <v>1</v>
      </c>
    </row>
    <row r="11" spans="1:14">
      <c r="A11" s="78" t="s">
        <v>10</v>
      </c>
      <c r="B11" s="24">
        <v>102</v>
      </c>
      <c r="C11" s="24">
        <v>29</v>
      </c>
      <c r="D11" s="24">
        <v>9</v>
      </c>
      <c r="E11" s="24">
        <v>140</v>
      </c>
      <c r="J11" s="22"/>
      <c r="K11" s="22"/>
      <c r="L11" s="22"/>
      <c r="M11" s="22"/>
      <c r="N11" s="22"/>
    </row>
    <row r="12" spans="1:14">
      <c r="A12" s="79"/>
      <c r="B12" s="21">
        <v>0.72899999999999998</v>
      </c>
      <c r="C12" s="21">
        <v>0.20699999999999999</v>
      </c>
      <c r="D12" s="21">
        <v>6.4000000000000001E-2</v>
      </c>
      <c r="E12" s="21">
        <v>1</v>
      </c>
    </row>
    <row r="13" spans="1:14">
      <c r="A13" s="73" t="s">
        <v>11</v>
      </c>
      <c r="B13" s="24">
        <v>75</v>
      </c>
      <c r="C13" s="24">
        <v>18</v>
      </c>
      <c r="D13" s="24">
        <v>5</v>
      </c>
      <c r="E13" s="24">
        <v>98</v>
      </c>
      <c r="J13" s="22"/>
      <c r="K13" s="22"/>
      <c r="L13" s="22"/>
      <c r="M13" s="22"/>
      <c r="N13" s="22"/>
    </row>
    <row r="14" spans="1:14">
      <c r="A14" s="74"/>
      <c r="B14" s="21">
        <v>0.76500000000000001</v>
      </c>
      <c r="C14" s="21">
        <v>0.184</v>
      </c>
      <c r="D14" s="21">
        <v>5.0999999999999997E-2</v>
      </c>
      <c r="E14" s="21">
        <v>1</v>
      </c>
    </row>
    <row r="15" spans="1:14">
      <c r="A15" s="73" t="s">
        <v>12</v>
      </c>
      <c r="B15" s="24">
        <v>81</v>
      </c>
      <c r="C15" s="24">
        <v>22</v>
      </c>
      <c r="D15" s="24">
        <v>5</v>
      </c>
      <c r="E15" s="24">
        <v>108</v>
      </c>
      <c r="J15" s="22"/>
      <c r="K15" s="22"/>
      <c r="L15" s="22"/>
      <c r="M15" s="22"/>
      <c r="N15" s="22"/>
    </row>
    <row r="16" spans="1:14">
      <c r="A16" s="74"/>
      <c r="B16" s="21">
        <v>0.75</v>
      </c>
      <c r="C16" s="21">
        <v>0.20399999999999999</v>
      </c>
      <c r="D16" s="21">
        <v>4.5999999999999999E-2</v>
      </c>
      <c r="E16" s="21">
        <v>1</v>
      </c>
    </row>
    <row r="17" spans="1:14">
      <c r="A17" s="73" t="s">
        <v>13</v>
      </c>
      <c r="B17" s="24">
        <v>327</v>
      </c>
      <c r="C17" s="24">
        <v>104</v>
      </c>
      <c r="D17" s="24">
        <v>38</v>
      </c>
      <c r="E17" s="24">
        <v>469</v>
      </c>
      <c r="J17" s="22"/>
      <c r="K17" s="22"/>
      <c r="L17" s="22"/>
      <c r="M17" s="22"/>
      <c r="N17" s="22"/>
    </row>
    <row r="18" spans="1:14">
      <c r="A18" s="74"/>
      <c r="B18" s="21">
        <v>0.69699999999999995</v>
      </c>
      <c r="C18" s="21">
        <v>0.222</v>
      </c>
      <c r="D18" s="21">
        <v>8.1000000000000003E-2</v>
      </c>
      <c r="E18" s="21">
        <v>1</v>
      </c>
    </row>
    <row r="19" spans="1:14">
      <c r="A19" s="73" t="s">
        <v>14</v>
      </c>
      <c r="B19" s="24">
        <v>52</v>
      </c>
      <c r="C19" s="24">
        <v>22</v>
      </c>
      <c r="D19" s="24">
        <v>6</v>
      </c>
      <c r="E19" s="24">
        <v>80</v>
      </c>
      <c r="J19" s="22"/>
      <c r="K19" s="22"/>
      <c r="L19" s="22"/>
      <c r="M19" s="22"/>
      <c r="N19" s="22"/>
    </row>
    <row r="20" spans="1:14">
      <c r="A20" s="74"/>
      <c r="B20" s="21">
        <v>0.65</v>
      </c>
      <c r="C20" s="21">
        <v>0.27500000000000002</v>
      </c>
      <c r="D20" s="21">
        <v>7.4999999999999997E-2</v>
      </c>
      <c r="E20" s="21">
        <v>1</v>
      </c>
    </row>
    <row r="21" spans="1:14">
      <c r="A21" s="72" t="s">
        <v>22</v>
      </c>
      <c r="B21" s="34">
        <v>16</v>
      </c>
      <c r="C21" s="34">
        <v>3</v>
      </c>
      <c r="D21" s="34">
        <v>3</v>
      </c>
      <c r="E21" s="34">
        <v>22</v>
      </c>
      <c r="J21" s="22"/>
      <c r="K21" s="22"/>
      <c r="L21" s="22"/>
      <c r="M21" s="22"/>
      <c r="N21" s="22"/>
    </row>
    <row r="22" spans="1:14" s="26" customFormat="1">
      <c r="A22" s="72"/>
      <c r="B22" s="33">
        <v>0.72699999999999998</v>
      </c>
      <c r="C22" s="33">
        <v>0.13600000000000001</v>
      </c>
      <c r="D22" s="33">
        <v>0.13600000000000001</v>
      </c>
      <c r="E22" s="33">
        <v>1</v>
      </c>
    </row>
    <row r="23" spans="1:14" s="23" customFormat="1" ht="13.9" customHeight="1">
      <c r="A23" s="73" t="s">
        <v>15</v>
      </c>
      <c r="B23" s="20">
        <v>1996</v>
      </c>
      <c r="C23" s="20">
        <v>552</v>
      </c>
      <c r="D23" s="20">
        <v>166</v>
      </c>
      <c r="E23" s="20">
        <v>2714</v>
      </c>
    </row>
    <row r="24" spans="1:14">
      <c r="A24" s="74"/>
      <c r="B24" s="21">
        <v>0.73499999999999999</v>
      </c>
      <c r="C24" s="21">
        <v>0.20300000000000001</v>
      </c>
      <c r="D24" s="21">
        <v>6.0999999999999999E-2</v>
      </c>
      <c r="E24" s="21">
        <v>1</v>
      </c>
    </row>
    <row r="25" spans="1:14" ht="31.15" customHeight="1">
      <c r="A25" s="71" t="s">
        <v>588</v>
      </c>
      <c r="B25" s="71"/>
      <c r="C25" s="71"/>
      <c r="D25" s="71"/>
      <c r="E25" s="71"/>
      <c r="J25" s="22"/>
      <c r="K25" s="22"/>
      <c r="L25" s="22"/>
      <c r="M25" s="22"/>
      <c r="N25" s="22"/>
    </row>
    <row r="26" spans="1:14">
      <c r="A26" s="25"/>
      <c r="B26" s="25"/>
      <c r="C26" s="25"/>
      <c r="D26" s="25"/>
      <c r="E26" s="25"/>
    </row>
  </sheetData>
  <mergeCells count="14">
    <mergeCell ref="A23:A24"/>
    <mergeCell ref="A25:E25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"/>
  <dimension ref="A1:Q25"/>
  <sheetViews>
    <sheetView workbookViewId="0">
      <selection activeCell="A2" sqref="A2"/>
    </sheetView>
  </sheetViews>
  <sheetFormatPr defaultColWidth="9" defaultRowHeight="14.25"/>
  <cols>
    <col min="1" max="5" width="9" style="18" customWidth="1"/>
    <col min="6" max="16384" width="9" style="18"/>
  </cols>
  <sheetData>
    <row r="1" spans="1:17">
      <c r="A1" s="70" t="s">
        <v>285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136</v>
      </c>
      <c r="B3" s="76" t="s">
        <v>116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114</v>
      </c>
      <c r="B5" s="20">
        <v>1539</v>
      </c>
      <c r="C5" s="20">
        <v>1208</v>
      </c>
      <c r="D5" s="20">
        <v>13</v>
      </c>
      <c r="E5" s="20">
        <v>2760</v>
      </c>
    </row>
    <row r="6" spans="1:17">
      <c r="A6" s="77"/>
      <c r="B6" s="21">
        <v>0.55800000000000005</v>
      </c>
      <c r="C6" s="21">
        <v>0.438</v>
      </c>
      <c r="D6" s="21">
        <v>5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15</v>
      </c>
      <c r="B7" s="20">
        <v>1928</v>
      </c>
      <c r="C7" s="20">
        <v>1347</v>
      </c>
      <c r="D7" s="20">
        <v>19</v>
      </c>
      <c r="E7" s="20">
        <v>3294</v>
      </c>
    </row>
    <row r="8" spans="1:17">
      <c r="A8" s="74"/>
      <c r="B8" s="21">
        <v>0.58499999999999996</v>
      </c>
      <c r="C8" s="21">
        <v>0.40899999999999997</v>
      </c>
      <c r="D8" s="21">
        <v>6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2</v>
      </c>
      <c r="B9" s="24">
        <v>8</v>
      </c>
      <c r="C9" s="24">
        <v>7</v>
      </c>
      <c r="D9" s="24">
        <v>1</v>
      </c>
      <c r="E9" s="24">
        <v>16</v>
      </c>
      <c r="J9" s="22"/>
      <c r="K9" s="22"/>
      <c r="L9" s="22"/>
      <c r="M9" s="22"/>
      <c r="N9" s="22"/>
    </row>
    <row r="10" spans="1:17">
      <c r="A10" s="74"/>
      <c r="B10" s="21">
        <v>0.5</v>
      </c>
      <c r="C10" s="21">
        <v>0.438</v>
      </c>
      <c r="D10" s="21">
        <v>6.3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8" t="s">
        <v>15</v>
      </c>
      <c r="B11" s="20">
        <v>3475</v>
      </c>
      <c r="C11" s="20">
        <v>2562</v>
      </c>
      <c r="D11" s="20">
        <v>33</v>
      </c>
      <c r="E11" s="20">
        <v>6070</v>
      </c>
    </row>
    <row r="12" spans="1:17">
      <c r="A12" s="79"/>
      <c r="B12" s="21">
        <v>0.57199999999999995</v>
      </c>
      <c r="C12" s="21">
        <v>0.42199999999999999</v>
      </c>
      <c r="D12" s="21">
        <v>5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80" t="s">
        <v>45</v>
      </c>
      <c r="B13" s="80"/>
      <c r="C13" s="80"/>
      <c r="D13" s="80"/>
      <c r="E13" s="80"/>
      <c r="J13" s="22"/>
      <c r="K13" s="22"/>
      <c r="L13" s="22"/>
      <c r="M13" s="22"/>
      <c r="N13" s="22"/>
    </row>
    <row r="14" spans="1:17">
      <c r="A14" s="86"/>
      <c r="B14" s="86"/>
      <c r="C14" s="86"/>
      <c r="D14" s="86"/>
      <c r="E14" s="86"/>
      <c r="J14" s="22"/>
      <c r="K14" s="22"/>
      <c r="L14" s="22"/>
      <c r="M14" s="22"/>
      <c r="N14" s="22"/>
      <c r="O14" s="22"/>
      <c r="P14" s="22"/>
      <c r="Q14" s="22"/>
    </row>
    <row r="15" spans="1:17">
      <c r="J15" s="22"/>
      <c r="K15" s="22"/>
      <c r="L15" s="22"/>
      <c r="M15" s="22"/>
      <c r="N15" s="22"/>
    </row>
    <row r="16" spans="1:17">
      <c r="J16" s="22"/>
      <c r="K16" s="22"/>
      <c r="L16" s="22"/>
      <c r="M16" s="22"/>
      <c r="N16" s="22"/>
      <c r="O16" s="22"/>
      <c r="P16" s="22"/>
      <c r="Q16" s="22"/>
    </row>
    <row r="17" spans="10:17">
      <c r="J17" s="22"/>
      <c r="K17" s="22"/>
      <c r="L17" s="22"/>
      <c r="M17" s="22"/>
      <c r="N17" s="22"/>
    </row>
    <row r="18" spans="10:17">
      <c r="J18" s="22"/>
      <c r="K18" s="22"/>
      <c r="L18" s="22"/>
      <c r="M18" s="22"/>
      <c r="N18" s="22"/>
      <c r="O18" s="22"/>
      <c r="P18" s="22"/>
      <c r="Q18" s="22"/>
    </row>
    <row r="19" spans="10:17">
      <c r="J19" s="22"/>
      <c r="K19" s="22"/>
      <c r="L19" s="22"/>
      <c r="M19" s="22"/>
      <c r="N19" s="22"/>
    </row>
    <row r="20" spans="10:17">
      <c r="J20" s="22"/>
      <c r="K20" s="22"/>
      <c r="L20" s="22"/>
      <c r="M20" s="22"/>
      <c r="N20" s="22"/>
      <c r="O20" s="22"/>
      <c r="P20" s="22"/>
      <c r="Q20" s="22"/>
    </row>
    <row r="21" spans="10:17">
      <c r="J21" s="22"/>
      <c r="K21" s="22"/>
      <c r="L21" s="22"/>
      <c r="M21" s="22"/>
      <c r="N21" s="22"/>
    </row>
    <row r="22" spans="10:17">
      <c r="J22" s="22"/>
      <c r="K22" s="22"/>
      <c r="L22" s="22"/>
      <c r="M22" s="22"/>
      <c r="N22" s="22"/>
      <c r="O22" s="22"/>
      <c r="P22" s="22"/>
      <c r="Q22" s="22"/>
    </row>
    <row r="23" spans="10:17">
      <c r="J23" s="22"/>
      <c r="K23" s="22"/>
      <c r="L23" s="22"/>
      <c r="M23" s="22"/>
      <c r="N23" s="22"/>
    </row>
    <row r="24" spans="10:17">
      <c r="J24" s="22"/>
      <c r="K24" s="22"/>
      <c r="L24" s="22"/>
      <c r="M24" s="22"/>
      <c r="N24" s="22"/>
      <c r="O24" s="22"/>
      <c r="P24" s="22"/>
      <c r="Q24" s="22"/>
    </row>
    <row r="25" spans="10:17">
      <c r="J25" s="22"/>
      <c r="K25" s="22"/>
      <c r="L25" s="22"/>
      <c r="M25" s="22"/>
      <c r="N25" s="22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4"/>
  <dimension ref="A1:S14"/>
  <sheetViews>
    <sheetView workbookViewId="0">
      <selection activeCell="A2" sqref="A2"/>
    </sheetView>
  </sheetViews>
  <sheetFormatPr defaultColWidth="9" defaultRowHeight="14.25"/>
  <cols>
    <col min="1" max="1" width="14.875" style="18" customWidth="1"/>
    <col min="2" max="4" width="9" style="18" customWidth="1"/>
    <col min="5" max="5" width="9.5" style="18" bestFit="1" customWidth="1"/>
    <col min="6" max="7" width="9" style="18" customWidth="1"/>
    <col min="8" max="16384" width="9" style="18"/>
  </cols>
  <sheetData>
    <row r="1" spans="1:19">
      <c r="A1" s="70" t="s">
        <v>576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90</v>
      </c>
      <c r="B3" s="76" t="s">
        <v>126</v>
      </c>
      <c r="C3" s="76"/>
      <c r="D3" s="76"/>
      <c r="E3" s="76"/>
      <c r="F3" s="76"/>
      <c r="G3" s="76"/>
    </row>
    <row r="4" spans="1:19" ht="28.5">
      <c r="A4" s="84"/>
      <c r="B4" s="11" t="s">
        <v>212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9">
      <c r="A5" s="78" t="s">
        <v>43</v>
      </c>
      <c r="B5" s="20">
        <v>149</v>
      </c>
      <c r="C5" s="20">
        <v>518</v>
      </c>
      <c r="D5" s="20">
        <v>780</v>
      </c>
      <c r="E5" s="20">
        <v>1002</v>
      </c>
      <c r="F5" s="20">
        <v>5</v>
      </c>
      <c r="G5" s="20">
        <v>2454</v>
      </c>
    </row>
    <row r="6" spans="1:19">
      <c r="A6" s="77"/>
      <c r="B6" s="21">
        <v>6.0999999999999999E-2</v>
      </c>
      <c r="C6" s="21">
        <v>0.21099999999999999</v>
      </c>
      <c r="D6" s="21">
        <v>0.318</v>
      </c>
      <c r="E6" s="21">
        <v>0.40799999999999997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44</v>
      </c>
      <c r="B7" s="20">
        <v>97</v>
      </c>
      <c r="C7" s="20">
        <v>348</v>
      </c>
      <c r="D7" s="20">
        <v>434</v>
      </c>
      <c r="E7" s="20">
        <v>574</v>
      </c>
      <c r="F7" s="20">
        <v>4</v>
      </c>
      <c r="G7" s="20">
        <v>1457</v>
      </c>
      <c r="L7" s="22"/>
      <c r="M7" s="22"/>
      <c r="N7" s="22"/>
      <c r="O7" s="22"/>
      <c r="P7" s="22"/>
      <c r="Q7" s="22"/>
      <c r="R7" s="22"/>
      <c r="S7" s="22"/>
    </row>
    <row r="8" spans="1:19">
      <c r="A8" s="77"/>
      <c r="B8" s="21">
        <v>6.7000000000000004E-2</v>
      </c>
      <c r="C8" s="21">
        <v>0.23899999999999999</v>
      </c>
      <c r="D8" s="21">
        <v>0.29799999999999999</v>
      </c>
      <c r="E8" s="21">
        <v>0.39400000000000002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</v>
      </c>
      <c r="B9" s="20">
        <v>7</v>
      </c>
      <c r="C9" s="20">
        <v>21</v>
      </c>
      <c r="D9" s="20">
        <v>20</v>
      </c>
      <c r="E9" s="20">
        <v>46</v>
      </c>
      <c r="F9" s="20">
        <v>0</v>
      </c>
      <c r="G9" s="20">
        <v>94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7.3999999999999996E-2</v>
      </c>
      <c r="C10" s="21">
        <v>0.223</v>
      </c>
      <c r="D10" s="21">
        <v>0.21299999999999999</v>
      </c>
      <c r="E10" s="21">
        <v>0.48899999999999999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253</v>
      </c>
      <c r="C11" s="20">
        <v>887</v>
      </c>
      <c r="D11" s="20">
        <v>1234</v>
      </c>
      <c r="E11" s="20">
        <v>1622</v>
      </c>
      <c r="F11" s="20">
        <v>9</v>
      </c>
      <c r="G11" s="20">
        <v>4005</v>
      </c>
    </row>
    <row r="12" spans="1:19">
      <c r="A12" s="74"/>
      <c r="B12" s="21">
        <v>6.3E-2</v>
      </c>
      <c r="C12" s="21">
        <v>0.221</v>
      </c>
      <c r="D12" s="21">
        <v>0.308</v>
      </c>
      <c r="E12" s="21">
        <v>0.40500000000000003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0" t="s">
        <v>217</v>
      </c>
      <c r="B13" s="98"/>
      <c r="C13" s="98"/>
      <c r="D13" s="98"/>
      <c r="E13" s="98"/>
      <c r="F13" s="98"/>
      <c r="G13" s="98"/>
      <c r="L13" s="22"/>
      <c r="M13" s="22"/>
      <c r="N13" s="22"/>
      <c r="O13" s="22"/>
      <c r="P13" s="22"/>
      <c r="Q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5"/>
  <dimension ref="A1:R15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6" width="9" style="18" customWidth="1"/>
    <col min="7" max="16384" width="9" style="18"/>
  </cols>
  <sheetData>
    <row r="1" spans="1:18">
      <c r="A1" s="70" t="s">
        <v>577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90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8" t="s">
        <v>43</v>
      </c>
      <c r="B5" s="20">
        <v>250</v>
      </c>
      <c r="C5" s="20">
        <v>453</v>
      </c>
      <c r="D5" s="20">
        <v>1740</v>
      </c>
      <c r="E5" s="20">
        <v>11</v>
      </c>
      <c r="F5" s="20">
        <v>2454</v>
      </c>
    </row>
    <row r="6" spans="1:18">
      <c r="A6" s="77"/>
      <c r="B6" s="21">
        <v>0.10199999999999999</v>
      </c>
      <c r="C6" s="21">
        <v>0.185</v>
      </c>
      <c r="D6" s="21">
        <v>0.70899999999999996</v>
      </c>
      <c r="E6" s="21">
        <v>4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44</v>
      </c>
      <c r="B7" s="20">
        <v>144</v>
      </c>
      <c r="C7" s="20">
        <v>291</v>
      </c>
      <c r="D7" s="20">
        <v>1013</v>
      </c>
      <c r="E7" s="20">
        <v>9</v>
      </c>
      <c r="F7" s="20">
        <v>1457</v>
      </c>
      <c r="K7" s="22"/>
      <c r="L7" s="22"/>
      <c r="M7" s="22"/>
      <c r="N7" s="22"/>
      <c r="O7" s="22"/>
      <c r="P7" s="22"/>
      <c r="Q7" s="22"/>
      <c r="R7" s="22"/>
    </row>
    <row r="8" spans="1:18">
      <c r="A8" s="77"/>
      <c r="B8" s="21">
        <v>9.9000000000000005E-2</v>
      </c>
      <c r="C8" s="21">
        <v>0.2</v>
      </c>
      <c r="D8" s="21">
        <v>0.69499999999999995</v>
      </c>
      <c r="E8" s="21">
        <v>6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0">
        <v>17</v>
      </c>
      <c r="C9" s="20">
        <v>11</v>
      </c>
      <c r="D9" s="20">
        <v>66</v>
      </c>
      <c r="E9" s="20">
        <v>0</v>
      </c>
      <c r="F9" s="20">
        <v>94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0.18099999999999999</v>
      </c>
      <c r="C10" s="21">
        <v>0.11700000000000001</v>
      </c>
      <c r="D10" s="21">
        <v>0.70199999999999996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411</v>
      </c>
      <c r="C11" s="20">
        <v>755</v>
      </c>
      <c r="D11" s="20">
        <v>2819</v>
      </c>
      <c r="E11" s="20">
        <v>20</v>
      </c>
      <c r="F11" s="20">
        <v>4005</v>
      </c>
    </row>
    <row r="12" spans="1:18">
      <c r="A12" s="74"/>
      <c r="B12" s="21">
        <v>0.10299999999999999</v>
      </c>
      <c r="C12" s="21">
        <v>0.189</v>
      </c>
      <c r="D12" s="21">
        <v>0.70399999999999996</v>
      </c>
      <c r="E12" s="21">
        <v>5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80" t="s">
        <v>227</v>
      </c>
      <c r="B13" s="80"/>
      <c r="C13" s="80"/>
      <c r="D13" s="80"/>
      <c r="E13" s="80"/>
      <c r="F13" s="80"/>
      <c r="K13" s="22"/>
      <c r="L13" s="22"/>
      <c r="M13" s="22"/>
      <c r="N13" s="22"/>
      <c r="O13" s="22"/>
      <c r="P13" s="22"/>
    </row>
    <row r="14" spans="1:18">
      <c r="A14" s="108"/>
      <c r="B14" s="108"/>
      <c r="C14" s="108"/>
      <c r="D14" s="108"/>
      <c r="E14" s="108"/>
      <c r="F14" s="108"/>
      <c r="K14" s="22"/>
      <c r="L14" s="22"/>
      <c r="M14" s="22"/>
      <c r="N14" s="22"/>
      <c r="O14" s="22"/>
      <c r="P14" s="22"/>
    </row>
    <row r="15" spans="1:18">
      <c r="A15" s="108"/>
      <c r="B15" s="108"/>
      <c r="C15" s="108"/>
      <c r="D15" s="108"/>
      <c r="E15" s="108"/>
      <c r="F15" s="108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6"/>
  <dimension ref="A1:R14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78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90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107</v>
      </c>
      <c r="E4" s="11" t="s">
        <v>22</v>
      </c>
      <c r="F4" s="11" t="s">
        <v>15</v>
      </c>
    </row>
    <row r="5" spans="1:18">
      <c r="A5" s="78" t="s">
        <v>43</v>
      </c>
      <c r="B5" s="20">
        <v>1079</v>
      </c>
      <c r="C5" s="20">
        <v>1079</v>
      </c>
      <c r="D5" s="20">
        <v>295</v>
      </c>
      <c r="E5" s="20">
        <v>1</v>
      </c>
      <c r="F5" s="20">
        <v>2454</v>
      </c>
    </row>
    <row r="6" spans="1:18">
      <c r="A6" s="77"/>
      <c r="B6" s="21">
        <v>0.44</v>
      </c>
      <c r="C6" s="21">
        <v>0.44</v>
      </c>
      <c r="D6" s="21">
        <v>0.12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44</v>
      </c>
      <c r="B7" s="20">
        <v>649</v>
      </c>
      <c r="C7" s="20">
        <v>579</v>
      </c>
      <c r="D7" s="20">
        <v>227</v>
      </c>
      <c r="E7" s="20">
        <v>2</v>
      </c>
      <c r="F7" s="20">
        <v>1457</v>
      </c>
      <c r="K7" s="22"/>
      <c r="L7" s="22"/>
      <c r="M7" s="22"/>
      <c r="N7" s="22"/>
      <c r="O7" s="22"/>
      <c r="P7" s="22"/>
      <c r="Q7" s="22"/>
      <c r="R7" s="22"/>
    </row>
    <row r="8" spans="1:18">
      <c r="A8" s="77"/>
      <c r="B8" s="21">
        <v>0.44500000000000001</v>
      </c>
      <c r="C8" s="21">
        <v>0.39700000000000002</v>
      </c>
      <c r="D8" s="21">
        <v>0.156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2</v>
      </c>
      <c r="B9" s="20">
        <v>41</v>
      </c>
      <c r="C9" s="20">
        <v>38</v>
      </c>
      <c r="D9" s="20">
        <v>15</v>
      </c>
      <c r="E9" s="20">
        <v>0</v>
      </c>
      <c r="F9" s="20">
        <v>94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0.436</v>
      </c>
      <c r="C10" s="21">
        <v>0.40400000000000003</v>
      </c>
      <c r="D10" s="21">
        <v>0.16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3" t="s">
        <v>15</v>
      </c>
      <c r="B11" s="20">
        <v>1769</v>
      </c>
      <c r="C11" s="20">
        <v>1696</v>
      </c>
      <c r="D11" s="20">
        <v>537</v>
      </c>
      <c r="E11" s="20">
        <v>3</v>
      </c>
      <c r="F11" s="20">
        <v>4005</v>
      </c>
    </row>
    <row r="12" spans="1:18">
      <c r="A12" s="74"/>
      <c r="B12" s="21">
        <v>0.442</v>
      </c>
      <c r="C12" s="21">
        <v>0.42299999999999999</v>
      </c>
      <c r="D12" s="21">
        <v>0.13400000000000001</v>
      </c>
      <c r="E12" s="21">
        <v>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80" t="s">
        <v>129</v>
      </c>
      <c r="B13" s="98"/>
      <c r="C13" s="98"/>
      <c r="D13" s="98"/>
      <c r="E13" s="98"/>
      <c r="F13" s="98"/>
      <c r="K13" s="22"/>
      <c r="L13" s="22"/>
      <c r="M13" s="22"/>
      <c r="N13" s="22"/>
      <c r="O13" s="22"/>
      <c r="P13" s="22"/>
    </row>
    <row r="14" spans="1:18">
      <c r="A14" s="25"/>
      <c r="B14" s="25"/>
      <c r="C14" s="25"/>
      <c r="D14" s="25"/>
      <c r="E14" s="25"/>
      <c r="F14" s="25"/>
      <c r="K14" s="22"/>
      <c r="L14" s="22"/>
      <c r="M14" s="22"/>
      <c r="N14" s="22"/>
      <c r="O14" s="22"/>
      <c r="P14" s="2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7"/>
  <dimension ref="A1:S14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79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90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8" t="s">
        <v>43</v>
      </c>
      <c r="B5" s="20">
        <v>487</v>
      </c>
      <c r="C5" s="20">
        <v>245</v>
      </c>
      <c r="D5" s="20">
        <v>39</v>
      </c>
      <c r="E5" s="20">
        <v>306</v>
      </c>
      <c r="F5" s="20">
        <v>2</v>
      </c>
      <c r="G5" s="20">
        <v>1079</v>
      </c>
    </row>
    <row r="6" spans="1:19">
      <c r="A6" s="77"/>
      <c r="B6" s="21">
        <v>0.45100000000000001</v>
      </c>
      <c r="C6" s="21">
        <v>0.22700000000000001</v>
      </c>
      <c r="D6" s="21">
        <v>3.5999999999999997E-2</v>
      </c>
      <c r="E6" s="21">
        <v>0.28399999999999997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44</v>
      </c>
      <c r="B7" s="20">
        <v>297</v>
      </c>
      <c r="C7" s="20">
        <v>136</v>
      </c>
      <c r="D7" s="20">
        <v>22</v>
      </c>
      <c r="E7" s="20">
        <v>193</v>
      </c>
      <c r="F7" s="20">
        <v>1</v>
      </c>
      <c r="G7" s="20">
        <v>649</v>
      </c>
      <c r="L7" s="22"/>
      <c r="M7" s="22"/>
      <c r="N7" s="22"/>
      <c r="O7" s="22"/>
      <c r="P7" s="22"/>
      <c r="Q7" s="22"/>
      <c r="R7" s="22"/>
      <c r="S7" s="22"/>
    </row>
    <row r="8" spans="1:19">
      <c r="A8" s="77"/>
      <c r="B8" s="21">
        <v>0.45800000000000002</v>
      </c>
      <c r="C8" s="21">
        <v>0.21</v>
      </c>
      <c r="D8" s="21">
        <v>3.4000000000000002E-2</v>
      </c>
      <c r="E8" s="21">
        <v>0.29699999999999999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2</v>
      </c>
      <c r="B9" s="20">
        <v>17</v>
      </c>
      <c r="C9" s="20">
        <v>9</v>
      </c>
      <c r="D9" s="20">
        <v>0</v>
      </c>
      <c r="E9" s="20">
        <v>14</v>
      </c>
      <c r="F9" s="20">
        <v>1</v>
      </c>
      <c r="G9" s="20">
        <v>41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0.41499999999999998</v>
      </c>
      <c r="C10" s="21">
        <v>0.22</v>
      </c>
      <c r="D10" s="21">
        <v>0</v>
      </c>
      <c r="E10" s="21">
        <v>0.34100000000000003</v>
      </c>
      <c r="F10" s="21">
        <v>2.4E-2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801</v>
      </c>
      <c r="C11" s="20">
        <v>390</v>
      </c>
      <c r="D11" s="20">
        <v>61</v>
      </c>
      <c r="E11" s="20">
        <v>513</v>
      </c>
      <c r="F11" s="20">
        <v>4</v>
      </c>
      <c r="G11" s="20">
        <v>1769</v>
      </c>
    </row>
    <row r="12" spans="1:19">
      <c r="A12" s="74"/>
      <c r="B12" s="21">
        <v>0.45300000000000001</v>
      </c>
      <c r="C12" s="21">
        <v>0.22</v>
      </c>
      <c r="D12" s="21">
        <v>3.4000000000000002E-2</v>
      </c>
      <c r="E12" s="21">
        <v>0.28999999999999998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80" t="s">
        <v>218</v>
      </c>
      <c r="B13" s="98"/>
      <c r="C13" s="98"/>
      <c r="D13" s="98"/>
      <c r="E13" s="98"/>
      <c r="F13" s="98"/>
      <c r="G13" s="98"/>
      <c r="L13" s="22"/>
      <c r="M13" s="22"/>
      <c r="N13" s="22"/>
      <c r="O13" s="22"/>
      <c r="P13" s="22"/>
      <c r="Q13" s="22"/>
    </row>
    <row r="14" spans="1:19">
      <c r="A14" s="25"/>
      <c r="B14" s="25"/>
      <c r="C14" s="25"/>
      <c r="D14" s="25"/>
      <c r="E14" s="25"/>
      <c r="F14" s="25"/>
      <c r="G14" s="25"/>
      <c r="L14" s="22"/>
      <c r="M14" s="22"/>
      <c r="N14" s="22"/>
      <c r="O14" s="22"/>
      <c r="P14" s="22"/>
      <c r="Q14" s="2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3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8"/>
  <dimension ref="A1:R18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6" width="9" style="18" customWidth="1"/>
    <col min="7" max="16384" width="9" style="18"/>
  </cols>
  <sheetData>
    <row r="1" spans="1:18">
      <c r="A1" s="70" t="s">
        <v>580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93</v>
      </c>
      <c r="B3" s="76" t="s">
        <v>127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8" t="s">
        <v>94</v>
      </c>
      <c r="B5" s="20">
        <v>62</v>
      </c>
      <c r="C5" s="20">
        <v>91</v>
      </c>
      <c r="D5" s="20">
        <v>280</v>
      </c>
      <c r="E5" s="20">
        <v>2</v>
      </c>
      <c r="F5" s="20">
        <v>435</v>
      </c>
    </row>
    <row r="6" spans="1:18">
      <c r="A6" s="77"/>
      <c r="B6" s="21">
        <v>0.14299999999999999</v>
      </c>
      <c r="C6" s="21">
        <v>0.20899999999999999</v>
      </c>
      <c r="D6" s="21">
        <v>0.64400000000000002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95</v>
      </c>
      <c r="B7" s="20">
        <v>147</v>
      </c>
      <c r="C7" s="20">
        <v>302</v>
      </c>
      <c r="D7" s="20">
        <v>970</v>
      </c>
      <c r="E7" s="20">
        <v>5</v>
      </c>
      <c r="F7" s="20">
        <v>1424</v>
      </c>
      <c r="K7" s="22"/>
      <c r="L7" s="22"/>
      <c r="M7" s="22"/>
      <c r="N7" s="22"/>
      <c r="O7" s="22"/>
      <c r="P7" s="22"/>
      <c r="Q7" s="22"/>
      <c r="R7" s="22"/>
    </row>
    <row r="8" spans="1:18">
      <c r="A8" s="77"/>
      <c r="B8" s="21">
        <v>0.10299999999999999</v>
      </c>
      <c r="C8" s="21">
        <v>0.21199999999999999</v>
      </c>
      <c r="D8" s="21">
        <v>0.68100000000000005</v>
      </c>
      <c r="E8" s="21">
        <v>4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96</v>
      </c>
      <c r="B9" s="20">
        <v>148</v>
      </c>
      <c r="C9" s="20">
        <v>360</v>
      </c>
      <c r="D9" s="20">
        <v>1315</v>
      </c>
      <c r="E9" s="20">
        <v>8</v>
      </c>
      <c r="F9" s="20">
        <v>1831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8.1000000000000003E-2</v>
      </c>
      <c r="C10" s="21">
        <v>0.19700000000000001</v>
      </c>
      <c r="D10" s="21">
        <v>0.71799999999999997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97</v>
      </c>
      <c r="B11" s="20">
        <v>233</v>
      </c>
      <c r="C11" s="20">
        <v>366</v>
      </c>
      <c r="D11" s="20">
        <v>1751</v>
      </c>
      <c r="E11" s="20">
        <v>11</v>
      </c>
      <c r="F11" s="20">
        <v>2361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9.9000000000000005E-2</v>
      </c>
      <c r="C12" s="21">
        <v>0.155</v>
      </c>
      <c r="D12" s="21">
        <v>0.74199999999999999</v>
      </c>
      <c r="E12" s="21">
        <v>5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8" t="s">
        <v>22</v>
      </c>
      <c r="B13" s="20">
        <v>3</v>
      </c>
      <c r="C13" s="20">
        <v>4</v>
      </c>
      <c r="D13" s="20">
        <v>4</v>
      </c>
      <c r="E13" s="20">
        <v>8</v>
      </c>
      <c r="F13" s="20">
        <v>19</v>
      </c>
      <c r="K13" s="22"/>
      <c r="L13" s="22"/>
      <c r="M13" s="22"/>
      <c r="N13" s="22"/>
      <c r="O13" s="22"/>
      <c r="P13" s="22"/>
      <c r="Q13" s="22"/>
      <c r="R13" s="22"/>
    </row>
    <row r="14" spans="1:18">
      <c r="A14" s="77"/>
      <c r="B14" s="21">
        <v>0.158</v>
      </c>
      <c r="C14" s="21">
        <v>0.21099999999999999</v>
      </c>
      <c r="D14" s="21">
        <v>0.21099999999999999</v>
      </c>
      <c r="E14" s="21">
        <v>0.42099999999999999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593</v>
      </c>
      <c r="C15" s="20">
        <v>1123</v>
      </c>
      <c r="D15" s="20">
        <v>4320</v>
      </c>
      <c r="E15" s="20">
        <v>34</v>
      </c>
      <c r="F15" s="20">
        <v>6070</v>
      </c>
    </row>
    <row r="16" spans="1:18">
      <c r="A16" s="74"/>
      <c r="B16" s="21">
        <v>9.8000000000000004E-2</v>
      </c>
      <c r="C16" s="21">
        <v>0.185</v>
      </c>
      <c r="D16" s="21">
        <v>0.71199999999999997</v>
      </c>
      <c r="E16" s="21">
        <v>6.0000000000000001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 ht="14.25" customHeight="1">
      <c r="A17" s="80" t="s">
        <v>227</v>
      </c>
      <c r="B17" s="80"/>
      <c r="C17" s="80"/>
      <c r="D17" s="80"/>
      <c r="E17" s="80"/>
      <c r="F17" s="80"/>
      <c r="K17" s="22"/>
      <c r="L17" s="22"/>
      <c r="M17" s="22"/>
      <c r="N17" s="22"/>
      <c r="O17" s="22"/>
      <c r="P17" s="22"/>
    </row>
    <row r="18" spans="1:16">
      <c r="A18" s="108"/>
      <c r="B18" s="108"/>
      <c r="C18" s="108"/>
      <c r="D18" s="108"/>
      <c r="E18" s="108"/>
      <c r="F18" s="108"/>
      <c r="K18" s="22"/>
      <c r="L18" s="22"/>
      <c r="M18" s="22"/>
      <c r="N18" s="22"/>
      <c r="O18" s="22"/>
      <c r="P18" s="22"/>
    </row>
  </sheetData>
  <mergeCells count="10">
    <mergeCell ref="A17:F18"/>
    <mergeCell ref="A15:A16"/>
    <mergeCell ref="A9:A10"/>
    <mergeCell ref="A11:A12"/>
    <mergeCell ref="A1:F1"/>
    <mergeCell ref="A3:A4"/>
    <mergeCell ref="B3:F3"/>
    <mergeCell ref="A5:A6"/>
    <mergeCell ref="A7:A8"/>
    <mergeCell ref="A13:A14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9"/>
  <dimension ref="A1:R18"/>
  <sheetViews>
    <sheetView workbookViewId="0">
      <selection activeCell="A2" sqref="A2"/>
    </sheetView>
  </sheetViews>
  <sheetFormatPr defaultColWidth="9" defaultRowHeight="14.25"/>
  <cols>
    <col min="1" max="1" width="20.125" style="18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8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93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8" t="s">
        <v>94</v>
      </c>
      <c r="B5" s="20">
        <v>232</v>
      </c>
      <c r="C5" s="20">
        <v>136</v>
      </c>
      <c r="D5" s="20">
        <v>67</v>
      </c>
      <c r="E5" s="20">
        <v>0</v>
      </c>
      <c r="F5" s="20">
        <v>435</v>
      </c>
    </row>
    <row r="6" spans="1:18">
      <c r="A6" s="77"/>
      <c r="B6" s="21">
        <v>0.53300000000000003</v>
      </c>
      <c r="C6" s="21">
        <v>0.313</v>
      </c>
      <c r="D6" s="21">
        <v>0.154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95</v>
      </c>
      <c r="B7" s="20">
        <v>635</v>
      </c>
      <c r="C7" s="20">
        <v>534</v>
      </c>
      <c r="D7" s="20">
        <v>253</v>
      </c>
      <c r="E7" s="20">
        <v>2</v>
      </c>
      <c r="F7" s="20">
        <v>1424</v>
      </c>
      <c r="K7" s="22"/>
      <c r="L7" s="22"/>
      <c r="M7" s="22"/>
      <c r="N7" s="22"/>
      <c r="O7" s="22"/>
      <c r="P7" s="22"/>
      <c r="Q7" s="22"/>
      <c r="R7" s="22"/>
    </row>
    <row r="8" spans="1:18">
      <c r="A8" s="77"/>
      <c r="B8" s="21">
        <v>0.44600000000000001</v>
      </c>
      <c r="C8" s="21">
        <v>0.375</v>
      </c>
      <c r="D8" s="21">
        <v>0.17799999999999999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96</v>
      </c>
      <c r="B9" s="20">
        <v>742</v>
      </c>
      <c r="C9" s="20">
        <v>801</v>
      </c>
      <c r="D9" s="20">
        <v>288</v>
      </c>
      <c r="E9" s="20">
        <v>0</v>
      </c>
      <c r="F9" s="20">
        <v>1831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0.40500000000000003</v>
      </c>
      <c r="C10" s="21">
        <v>0.437</v>
      </c>
      <c r="D10" s="21">
        <v>0.157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97</v>
      </c>
      <c r="B11" s="20">
        <v>842</v>
      </c>
      <c r="C11" s="20">
        <v>1192</v>
      </c>
      <c r="D11" s="20">
        <v>324</v>
      </c>
      <c r="E11" s="20">
        <v>3</v>
      </c>
      <c r="F11" s="20">
        <v>2361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0.35699999999999998</v>
      </c>
      <c r="C12" s="21">
        <v>0.505</v>
      </c>
      <c r="D12" s="21">
        <v>0.13700000000000001</v>
      </c>
      <c r="E12" s="21">
        <v>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8" t="s">
        <v>22</v>
      </c>
      <c r="B13" s="20">
        <v>6</v>
      </c>
      <c r="C13" s="20">
        <v>3</v>
      </c>
      <c r="D13" s="20">
        <v>2</v>
      </c>
      <c r="E13" s="20">
        <v>8</v>
      </c>
      <c r="F13" s="20">
        <v>19</v>
      </c>
      <c r="K13" s="22"/>
      <c r="L13" s="22"/>
      <c r="M13" s="22"/>
      <c r="N13" s="22"/>
      <c r="O13" s="22"/>
      <c r="P13" s="22"/>
      <c r="Q13" s="22"/>
      <c r="R13" s="22"/>
    </row>
    <row r="14" spans="1:18">
      <c r="A14" s="77"/>
      <c r="B14" s="21">
        <v>0.316</v>
      </c>
      <c r="C14" s="21">
        <v>0.158</v>
      </c>
      <c r="D14" s="21">
        <v>0.105</v>
      </c>
      <c r="E14" s="21">
        <v>0.42099999999999999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2457</v>
      </c>
      <c r="C15" s="20">
        <v>2666</v>
      </c>
      <c r="D15" s="20">
        <v>934</v>
      </c>
      <c r="E15" s="20">
        <v>13</v>
      </c>
      <c r="F15" s="20">
        <v>6070</v>
      </c>
    </row>
    <row r="16" spans="1:18">
      <c r="A16" s="74"/>
      <c r="B16" s="21">
        <v>0.40500000000000003</v>
      </c>
      <c r="C16" s="21">
        <v>0.439</v>
      </c>
      <c r="D16" s="21">
        <v>0.154</v>
      </c>
      <c r="E16" s="21">
        <v>2E-3</v>
      </c>
      <c r="F16" s="21">
        <v>1</v>
      </c>
      <c r="K16" s="22"/>
      <c r="L16" s="22"/>
      <c r="M16" s="22"/>
      <c r="N16" s="22"/>
      <c r="O16" s="22"/>
      <c r="P16" s="22"/>
      <c r="Q16" s="22"/>
      <c r="R16" s="22"/>
    </row>
    <row r="17" spans="1:16">
      <c r="A17" s="80" t="s">
        <v>261</v>
      </c>
      <c r="B17" s="98"/>
      <c r="C17" s="98"/>
      <c r="D17" s="98"/>
      <c r="E17" s="98"/>
      <c r="F17" s="98"/>
      <c r="K17" s="22"/>
      <c r="L17" s="22"/>
      <c r="M17" s="22"/>
      <c r="N17" s="22"/>
      <c r="O17" s="22"/>
      <c r="P17" s="22"/>
    </row>
    <row r="18" spans="1:16">
      <c r="A18" s="25"/>
      <c r="B18" s="25"/>
      <c r="C18" s="25"/>
      <c r="D18" s="25"/>
      <c r="E18" s="25"/>
      <c r="F18" s="25"/>
      <c r="K18" s="22"/>
      <c r="L18" s="22"/>
      <c r="M18" s="22"/>
      <c r="N18" s="22"/>
      <c r="O18" s="22"/>
      <c r="P18" s="22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0"/>
  <dimension ref="A1:S18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82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93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8" t="s">
        <v>94</v>
      </c>
      <c r="B5" s="20">
        <v>87</v>
      </c>
      <c r="C5" s="20">
        <v>52</v>
      </c>
      <c r="D5" s="20">
        <v>17</v>
      </c>
      <c r="E5" s="20">
        <v>73</v>
      </c>
      <c r="F5" s="20">
        <v>3</v>
      </c>
      <c r="G5" s="20">
        <v>232</v>
      </c>
    </row>
    <row r="6" spans="1:19">
      <c r="A6" s="77"/>
      <c r="B6" s="21">
        <v>0.375</v>
      </c>
      <c r="C6" s="21">
        <v>0.224</v>
      </c>
      <c r="D6" s="21">
        <v>7.2999999999999995E-2</v>
      </c>
      <c r="E6" s="21">
        <v>0.315</v>
      </c>
      <c r="F6" s="21">
        <v>1.2999999999999999E-2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95</v>
      </c>
      <c r="B7" s="20">
        <v>284</v>
      </c>
      <c r="C7" s="20">
        <v>136</v>
      </c>
      <c r="D7" s="20">
        <v>24</v>
      </c>
      <c r="E7" s="20">
        <v>189</v>
      </c>
      <c r="F7" s="20">
        <v>2</v>
      </c>
      <c r="G7" s="20">
        <v>635</v>
      </c>
      <c r="L7" s="22"/>
      <c r="M7" s="22"/>
      <c r="N7" s="22"/>
      <c r="O7" s="22"/>
      <c r="P7" s="22"/>
      <c r="Q7" s="22"/>
      <c r="R7" s="22"/>
      <c r="S7" s="22"/>
    </row>
    <row r="8" spans="1:19">
      <c r="A8" s="77"/>
      <c r="B8" s="21">
        <v>0.44700000000000001</v>
      </c>
      <c r="C8" s="21">
        <v>0.214</v>
      </c>
      <c r="D8" s="21">
        <v>3.7999999999999999E-2</v>
      </c>
      <c r="E8" s="21">
        <v>0.29799999999999999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96</v>
      </c>
      <c r="B9" s="20">
        <v>363</v>
      </c>
      <c r="C9" s="20">
        <v>162</v>
      </c>
      <c r="D9" s="20">
        <v>19</v>
      </c>
      <c r="E9" s="20">
        <v>198</v>
      </c>
      <c r="F9" s="20">
        <v>0</v>
      </c>
      <c r="G9" s="20">
        <v>742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0.48899999999999999</v>
      </c>
      <c r="C10" s="21">
        <v>0.218</v>
      </c>
      <c r="D10" s="21">
        <v>2.5999999999999999E-2</v>
      </c>
      <c r="E10" s="21">
        <v>0.26700000000000002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97</v>
      </c>
      <c r="B11" s="20">
        <v>370</v>
      </c>
      <c r="C11" s="20">
        <v>159</v>
      </c>
      <c r="D11" s="20">
        <v>24</v>
      </c>
      <c r="E11" s="20">
        <v>288</v>
      </c>
      <c r="F11" s="20">
        <v>1</v>
      </c>
      <c r="G11" s="20">
        <v>842</v>
      </c>
      <c r="L11" s="22"/>
      <c r="M11" s="22"/>
      <c r="N11" s="22"/>
      <c r="O11" s="22"/>
      <c r="P11" s="22"/>
      <c r="Q11" s="22"/>
      <c r="R11" s="22"/>
      <c r="S11" s="22"/>
    </row>
    <row r="12" spans="1:19">
      <c r="A12" s="77"/>
      <c r="B12" s="21">
        <v>0.439</v>
      </c>
      <c r="C12" s="21">
        <v>0.189</v>
      </c>
      <c r="D12" s="21">
        <v>2.9000000000000001E-2</v>
      </c>
      <c r="E12" s="21">
        <v>0.34200000000000003</v>
      </c>
      <c r="F12" s="21">
        <v>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8" t="s">
        <v>22</v>
      </c>
      <c r="B13" s="20">
        <v>1</v>
      </c>
      <c r="C13" s="20">
        <v>3</v>
      </c>
      <c r="D13" s="20">
        <v>0</v>
      </c>
      <c r="E13" s="20">
        <v>2</v>
      </c>
      <c r="F13" s="20">
        <v>0</v>
      </c>
      <c r="G13" s="20">
        <v>6</v>
      </c>
      <c r="L13" s="22"/>
      <c r="M13" s="22"/>
      <c r="N13" s="22"/>
      <c r="O13" s="22"/>
      <c r="P13" s="22"/>
      <c r="Q13" s="22"/>
      <c r="R13" s="22"/>
      <c r="S13" s="22"/>
    </row>
    <row r="14" spans="1:19">
      <c r="A14" s="77"/>
      <c r="B14" s="21">
        <v>0.16700000000000001</v>
      </c>
      <c r="C14" s="21">
        <v>0.5</v>
      </c>
      <c r="D14" s="21">
        <v>0</v>
      </c>
      <c r="E14" s="21">
        <v>0.33300000000000002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 s="23" customFormat="1">
      <c r="A15" s="73" t="s">
        <v>15</v>
      </c>
      <c r="B15" s="20">
        <v>1105</v>
      </c>
      <c r="C15" s="20">
        <v>512</v>
      </c>
      <c r="D15" s="20">
        <v>84</v>
      </c>
      <c r="E15" s="20">
        <v>750</v>
      </c>
      <c r="F15" s="20">
        <v>6</v>
      </c>
      <c r="G15" s="20">
        <v>2457</v>
      </c>
    </row>
    <row r="16" spans="1:19">
      <c r="A16" s="74"/>
      <c r="B16" s="21">
        <v>0.45</v>
      </c>
      <c r="C16" s="21">
        <v>0.20799999999999999</v>
      </c>
      <c r="D16" s="21">
        <v>3.4000000000000002E-2</v>
      </c>
      <c r="E16" s="21">
        <v>0.30499999999999999</v>
      </c>
      <c r="F16" s="21">
        <v>2E-3</v>
      </c>
      <c r="G16" s="21">
        <v>1</v>
      </c>
      <c r="L16" s="22"/>
      <c r="M16" s="22"/>
      <c r="N16" s="22"/>
      <c r="O16" s="22"/>
      <c r="P16" s="22"/>
      <c r="Q16" s="22"/>
      <c r="R16" s="22"/>
      <c r="S16" s="22"/>
    </row>
    <row r="17" spans="1:17">
      <c r="A17" s="80" t="s">
        <v>218</v>
      </c>
      <c r="B17" s="98"/>
      <c r="C17" s="98"/>
      <c r="D17" s="98"/>
      <c r="E17" s="98"/>
      <c r="F17" s="98"/>
      <c r="G17" s="98"/>
      <c r="L17" s="22"/>
      <c r="M17" s="22"/>
      <c r="N17" s="22"/>
      <c r="O17" s="22"/>
      <c r="P17" s="22"/>
      <c r="Q17" s="22"/>
    </row>
    <row r="18" spans="1:17">
      <c r="A18" s="25"/>
      <c r="B18" s="25"/>
      <c r="C18" s="25"/>
      <c r="D18" s="25"/>
      <c r="E18" s="25"/>
      <c r="F18" s="25"/>
      <c r="G18" s="25"/>
      <c r="L18" s="22"/>
      <c r="M18" s="22"/>
      <c r="N18" s="22"/>
      <c r="O18" s="22"/>
      <c r="P18" s="22"/>
      <c r="Q18" s="22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3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1"/>
  <dimension ref="A1:R16"/>
  <sheetViews>
    <sheetView workbookViewId="0">
      <selection activeCell="A2" sqref="A2"/>
    </sheetView>
  </sheetViews>
  <sheetFormatPr defaultColWidth="9" defaultRowHeight="14.25"/>
  <cols>
    <col min="1" max="1" width="17.875" style="18" customWidth="1"/>
    <col min="2" max="3" width="9" style="18" customWidth="1"/>
    <col min="4" max="4" width="13.875" style="18" bestFit="1" customWidth="1"/>
    <col min="5" max="6" width="9" style="18" customWidth="1"/>
    <col min="7" max="16384" width="9" style="18"/>
  </cols>
  <sheetData>
    <row r="1" spans="1:18">
      <c r="A1" s="70" t="s">
        <v>583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100</v>
      </c>
      <c r="B3" s="76" t="s">
        <v>128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8" t="s">
        <v>43</v>
      </c>
      <c r="B5" s="20">
        <v>283</v>
      </c>
      <c r="C5" s="20">
        <v>229</v>
      </c>
      <c r="D5" s="20">
        <v>81</v>
      </c>
      <c r="E5" s="20">
        <v>0</v>
      </c>
      <c r="F5" s="20">
        <v>593</v>
      </c>
    </row>
    <row r="6" spans="1:18">
      <c r="A6" s="77"/>
      <c r="B6" s="21">
        <v>0.47699999999999998</v>
      </c>
      <c r="C6" s="21">
        <v>0.38600000000000001</v>
      </c>
      <c r="D6" s="21">
        <v>0.13700000000000001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>
      <c r="A7" s="78" t="s">
        <v>103</v>
      </c>
      <c r="B7" s="20">
        <v>505</v>
      </c>
      <c r="C7" s="20">
        <v>445</v>
      </c>
      <c r="D7" s="20">
        <v>172</v>
      </c>
      <c r="E7" s="20">
        <v>1</v>
      </c>
      <c r="F7" s="20">
        <v>1123</v>
      </c>
      <c r="K7" s="22"/>
      <c r="L7" s="22"/>
      <c r="M7" s="22"/>
      <c r="N7" s="22"/>
      <c r="O7" s="22"/>
      <c r="P7" s="22"/>
      <c r="Q7" s="22"/>
      <c r="R7" s="22"/>
    </row>
    <row r="8" spans="1:18">
      <c r="A8" s="77"/>
      <c r="B8" s="21">
        <v>0.45</v>
      </c>
      <c r="C8" s="21">
        <v>0.39600000000000002</v>
      </c>
      <c r="D8" s="21">
        <v>0.153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44</v>
      </c>
      <c r="B9" s="20">
        <v>1657</v>
      </c>
      <c r="C9" s="20">
        <v>1980</v>
      </c>
      <c r="D9" s="20">
        <v>679</v>
      </c>
      <c r="E9" s="20">
        <v>4</v>
      </c>
      <c r="F9" s="20">
        <v>4320</v>
      </c>
      <c r="K9" s="22"/>
      <c r="L9" s="22"/>
      <c r="M9" s="22"/>
      <c r="N9" s="22"/>
      <c r="O9" s="22"/>
      <c r="P9" s="22"/>
      <c r="Q9" s="22"/>
      <c r="R9" s="22"/>
    </row>
    <row r="10" spans="1:18">
      <c r="A10" s="77"/>
      <c r="B10" s="21">
        <v>0.38400000000000001</v>
      </c>
      <c r="C10" s="21">
        <v>0.45800000000000002</v>
      </c>
      <c r="D10" s="21">
        <v>0.157</v>
      </c>
      <c r="E10" s="21">
        <v>1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22</v>
      </c>
      <c r="B11" s="20">
        <v>12</v>
      </c>
      <c r="C11" s="20">
        <v>12</v>
      </c>
      <c r="D11" s="20">
        <v>2</v>
      </c>
      <c r="E11" s="20">
        <v>8</v>
      </c>
      <c r="F11" s="20">
        <v>34</v>
      </c>
      <c r="K11" s="22"/>
      <c r="L11" s="22"/>
      <c r="M11" s="22"/>
      <c r="N11" s="22"/>
      <c r="O11" s="22"/>
      <c r="P11" s="22"/>
      <c r="Q11" s="22"/>
      <c r="R11" s="22"/>
    </row>
    <row r="12" spans="1:18">
      <c r="A12" s="77"/>
      <c r="B12" s="21">
        <v>0.35299999999999998</v>
      </c>
      <c r="C12" s="21">
        <v>0.35299999999999998</v>
      </c>
      <c r="D12" s="21">
        <v>5.8999999999999997E-2</v>
      </c>
      <c r="E12" s="21">
        <v>0.23499999999999999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73" t="s">
        <v>15</v>
      </c>
      <c r="B13" s="20">
        <v>2457</v>
      </c>
      <c r="C13" s="20">
        <v>2666</v>
      </c>
      <c r="D13" s="20">
        <v>934</v>
      </c>
      <c r="E13" s="20">
        <v>13</v>
      </c>
      <c r="F13" s="20">
        <v>6070</v>
      </c>
    </row>
    <row r="14" spans="1:18">
      <c r="A14" s="74"/>
      <c r="B14" s="21">
        <v>0.40500000000000003</v>
      </c>
      <c r="C14" s="21">
        <v>0.439</v>
      </c>
      <c r="D14" s="21">
        <v>0.154</v>
      </c>
      <c r="E14" s="21">
        <v>2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>
      <c r="A15" s="80" t="s">
        <v>261</v>
      </c>
      <c r="B15" s="98"/>
      <c r="C15" s="98"/>
      <c r="D15" s="98"/>
      <c r="E15" s="98"/>
      <c r="F15" s="98"/>
      <c r="K15" s="22"/>
      <c r="L15" s="22"/>
      <c r="M15" s="22"/>
      <c r="N15" s="22"/>
      <c r="O15" s="22"/>
      <c r="P15" s="22"/>
    </row>
    <row r="16" spans="1:18">
      <c r="A16" s="25"/>
      <c r="B16" s="25"/>
      <c r="C16" s="25"/>
      <c r="D16" s="25"/>
      <c r="E16" s="25"/>
      <c r="F16" s="25"/>
      <c r="K16" s="22"/>
      <c r="L16" s="22"/>
      <c r="M16" s="22"/>
      <c r="N16" s="22"/>
      <c r="O16" s="22"/>
      <c r="P16" s="22"/>
    </row>
  </sheetData>
  <mergeCells count="9">
    <mergeCell ref="A9:A10"/>
    <mergeCell ref="A11:A12"/>
    <mergeCell ref="A13:A14"/>
    <mergeCell ref="A15:F15"/>
    <mergeCell ref="A1:F1"/>
    <mergeCell ref="A3:A4"/>
    <mergeCell ref="B3:F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3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2"/>
  <dimension ref="A1:S16"/>
  <sheetViews>
    <sheetView workbookViewId="0">
      <selection activeCell="A2" sqref="A2"/>
    </sheetView>
  </sheetViews>
  <sheetFormatPr defaultColWidth="9" defaultRowHeight="14.25"/>
  <cols>
    <col min="1" max="1" width="13.87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611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612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8" t="s">
        <v>43</v>
      </c>
      <c r="B5" s="20">
        <v>113</v>
      </c>
      <c r="C5" s="20">
        <v>59</v>
      </c>
      <c r="D5" s="20">
        <v>14</v>
      </c>
      <c r="E5" s="20">
        <v>95</v>
      </c>
      <c r="F5" s="20">
        <v>2</v>
      </c>
      <c r="G5" s="20">
        <v>283</v>
      </c>
    </row>
    <row r="6" spans="1:19">
      <c r="A6" s="77"/>
      <c r="B6" s="21">
        <v>0.39900000000000002</v>
      </c>
      <c r="C6" s="21">
        <v>0.20799999999999999</v>
      </c>
      <c r="D6" s="21">
        <v>4.9000000000000002E-2</v>
      </c>
      <c r="E6" s="21">
        <v>0.33600000000000002</v>
      </c>
      <c r="F6" s="21">
        <v>7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8" t="s">
        <v>103</v>
      </c>
      <c r="B7" s="20">
        <v>200</v>
      </c>
      <c r="C7" s="20">
        <v>121</v>
      </c>
      <c r="D7" s="20">
        <v>19</v>
      </c>
      <c r="E7" s="20">
        <v>164</v>
      </c>
      <c r="F7" s="20">
        <v>1</v>
      </c>
      <c r="G7" s="20">
        <v>505</v>
      </c>
      <c r="L7" s="22"/>
      <c r="M7" s="22"/>
      <c r="N7" s="22"/>
      <c r="O7" s="22"/>
      <c r="P7" s="22"/>
      <c r="Q7" s="22"/>
      <c r="R7" s="22"/>
      <c r="S7" s="22"/>
    </row>
    <row r="8" spans="1:19">
      <c r="A8" s="77"/>
      <c r="B8" s="21">
        <v>0.39600000000000002</v>
      </c>
      <c r="C8" s="21">
        <v>0.24</v>
      </c>
      <c r="D8" s="21">
        <v>3.7999999999999999E-2</v>
      </c>
      <c r="E8" s="21">
        <v>0.32500000000000001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44</v>
      </c>
      <c r="B9" s="20">
        <v>787</v>
      </c>
      <c r="C9" s="20">
        <v>331</v>
      </c>
      <c r="D9" s="20">
        <v>50</v>
      </c>
      <c r="E9" s="20">
        <v>486</v>
      </c>
      <c r="F9" s="20">
        <v>3</v>
      </c>
      <c r="G9" s="20">
        <v>1657</v>
      </c>
      <c r="L9" s="22"/>
      <c r="M9" s="22"/>
      <c r="N9" s="22"/>
      <c r="O9" s="22"/>
      <c r="P9" s="22"/>
      <c r="Q9" s="22"/>
      <c r="R9" s="22"/>
      <c r="S9" s="22"/>
    </row>
    <row r="10" spans="1:19">
      <c r="A10" s="77"/>
      <c r="B10" s="21">
        <v>0.47499999999999998</v>
      </c>
      <c r="C10" s="21">
        <v>0.2</v>
      </c>
      <c r="D10" s="21">
        <v>0.03</v>
      </c>
      <c r="E10" s="21">
        <v>0.29299999999999998</v>
      </c>
      <c r="F10" s="21">
        <v>2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22</v>
      </c>
      <c r="B11" s="20">
        <v>5</v>
      </c>
      <c r="C11" s="20">
        <v>1</v>
      </c>
      <c r="D11" s="20">
        <v>1</v>
      </c>
      <c r="E11" s="20">
        <v>5</v>
      </c>
      <c r="F11" s="20">
        <v>0</v>
      </c>
      <c r="G11" s="20">
        <v>12</v>
      </c>
      <c r="L11" s="22"/>
      <c r="M11" s="22"/>
      <c r="N11" s="22"/>
      <c r="O11" s="22"/>
      <c r="P11" s="22"/>
      <c r="Q11" s="22"/>
      <c r="R11" s="22"/>
      <c r="S11" s="22"/>
    </row>
    <row r="12" spans="1:19">
      <c r="A12" s="77"/>
      <c r="B12" s="21">
        <v>0.41699999999999998</v>
      </c>
      <c r="C12" s="21">
        <v>8.3000000000000004E-2</v>
      </c>
      <c r="D12" s="21">
        <v>8.3000000000000004E-2</v>
      </c>
      <c r="E12" s="21">
        <v>0.41699999999999998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1105</v>
      </c>
      <c r="C13" s="20">
        <v>512</v>
      </c>
      <c r="D13" s="20">
        <v>84</v>
      </c>
      <c r="E13" s="20">
        <v>750</v>
      </c>
      <c r="F13" s="20">
        <v>6</v>
      </c>
      <c r="G13" s="20">
        <v>2457</v>
      </c>
    </row>
    <row r="14" spans="1:19">
      <c r="A14" s="74"/>
      <c r="B14" s="21">
        <v>0.45</v>
      </c>
      <c r="C14" s="21">
        <v>0.20799999999999999</v>
      </c>
      <c r="D14" s="21">
        <v>3.4000000000000002E-2</v>
      </c>
      <c r="E14" s="21">
        <v>0.30499999999999999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80" t="s">
        <v>143</v>
      </c>
      <c r="B15" s="98"/>
      <c r="C15" s="98"/>
      <c r="D15" s="98"/>
      <c r="E15" s="98"/>
      <c r="F15" s="98"/>
      <c r="G15" s="98"/>
      <c r="L15" s="22"/>
      <c r="M15" s="22"/>
      <c r="N15" s="22"/>
      <c r="O15" s="22"/>
      <c r="P15" s="22"/>
      <c r="Q15" s="22"/>
    </row>
    <row r="16" spans="1:19">
      <c r="A16" s="25"/>
      <c r="B16" s="25"/>
      <c r="C16" s="25"/>
      <c r="D16" s="25"/>
      <c r="E16" s="25"/>
      <c r="F16" s="25"/>
      <c r="G16" s="25"/>
      <c r="L16" s="22"/>
      <c r="M16" s="22"/>
      <c r="N16" s="22"/>
      <c r="O16" s="22"/>
      <c r="P16" s="22"/>
      <c r="Q16" s="22"/>
    </row>
  </sheetData>
  <mergeCells count="9">
    <mergeCell ref="A9:A10"/>
    <mergeCell ref="A11:A12"/>
    <mergeCell ref="A13:A14"/>
    <mergeCell ref="A15:G15"/>
    <mergeCell ref="A1:G1"/>
    <mergeCell ref="A3:A4"/>
    <mergeCell ref="B3:G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3"/>
  <dimension ref="A1:S10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584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104</v>
      </c>
      <c r="B3" s="76" t="s">
        <v>130</v>
      </c>
      <c r="C3" s="76"/>
      <c r="D3" s="76"/>
      <c r="E3" s="76"/>
      <c r="F3" s="76"/>
      <c r="G3" s="76"/>
    </row>
    <row r="4" spans="1:19" ht="28.5">
      <c r="A4" s="84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8" t="s">
        <v>43</v>
      </c>
      <c r="B5" s="20">
        <v>1105</v>
      </c>
      <c r="C5" s="20">
        <v>512</v>
      </c>
      <c r="D5" s="20">
        <v>84</v>
      </c>
      <c r="E5" s="20">
        <v>750</v>
      </c>
      <c r="F5" s="20">
        <v>6</v>
      </c>
      <c r="G5" s="20">
        <v>2457</v>
      </c>
    </row>
    <row r="6" spans="1:19">
      <c r="A6" s="77"/>
      <c r="B6" s="21">
        <v>0.45</v>
      </c>
      <c r="C6" s="21">
        <v>0.20799999999999999</v>
      </c>
      <c r="D6" s="21">
        <v>3.4000000000000002E-2</v>
      </c>
      <c r="E6" s="21">
        <v>0.30499999999999999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3" t="s">
        <v>15</v>
      </c>
      <c r="B7" s="20">
        <v>1105</v>
      </c>
      <c r="C7" s="20">
        <v>512</v>
      </c>
      <c r="D7" s="20">
        <v>84</v>
      </c>
      <c r="E7" s="20">
        <v>750</v>
      </c>
      <c r="F7" s="20">
        <v>6</v>
      </c>
      <c r="G7" s="20">
        <v>2457</v>
      </c>
    </row>
    <row r="8" spans="1:19">
      <c r="A8" s="74"/>
      <c r="B8" s="21">
        <v>0.45</v>
      </c>
      <c r="C8" s="21">
        <v>0.20799999999999999</v>
      </c>
      <c r="D8" s="21">
        <v>3.4000000000000002E-2</v>
      </c>
      <c r="E8" s="21">
        <v>0.30499999999999999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1" t="s">
        <v>218</v>
      </c>
      <c r="B9" s="96"/>
      <c r="C9" s="96"/>
      <c r="D9" s="96"/>
      <c r="E9" s="96"/>
      <c r="F9" s="96"/>
      <c r="G9" s="96"/>
      <c r="L9" s="22"/>
      <c r="M9" s="22"/>
      <c r="N9" s="22"/>
      <c r="O9" s="22"/>
      <c r="P9" s="22"/>
      <c r="Q9" s="22"/>
    </row>
    <row r="10" spans="1:19">
      <c r="A10" s="25"/>
      <c r="B10" s="25"/>
      <c r="C10" s="25"/>
      <c r="D10" s="25"/>
      <c r="E10" s="25"/>
      <c r="F10" s="25"/>
      <c r="G10" s="25"/>
      <c r="L10" s="22"/>
      <c r="M10" s="22"/>
      <c r="N10" s="22"/>
      <c r="O10" s="22"/>
      <c r="P10" s="22"/>
      <c r="Q10" s="22"/>
    </row>
  </sheetData>
  <mergeCells count="6">
    <mergeCell ref="A7:A8"/>
    <mergeCell ref="A9:G9"/>
    <mergeCell ref="A1:G1"/>
    <mergeCell ref="A3:A4"/>
    <mergeCell ref="B3:G3"/>
    <mergeCell ref="A5:A6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"/>
  <dimension ref="A1:Q25"/>
  <sheetViews>
    <sheetView workbookViewId="0">
      <selection activeCell="A2" sqref="A2"/>
    </sheetView>
  </sheetViews>
  <sheetFormatPr defaultColWidth="9" defaultRowHeight="14.25"/>
  <cols>
    <col min="1" max="1" width="9" style="18" customWidth="1"/>
    <col min="2" max="2" width="18.375" style="18" bestFit="1" customWidth="1"/>
    <col min="3" max="3" width="25" style="18" bestFit="1" customWidth="1"/>
    <col min="4" max="5" width="9" style="18" customWidth="1"/>
    <col min="6" max="16384" width="9" style="18"/>
  </cols>
  <sheetData>
    <row r="1" spans="1:17">
      <c r="A1" s="70" t="s">
        <v>286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136</v>
      </c>
      <c r="B3" s="76" t="s">
        <v>117</v>
      </c>
      <c r="C3" s="76"/>
      <c r="D3" s="76"/>
      <c r="E3" s="76"/>
    </row>
    <row r="4" spans="1:17" ht="28.5">
      <c r="A4" s="75"/>
      <c r="B4" s="11" t="s">
        <v>187</v>
      </c>
      <c r="C4" s="11" t="s">
        <v>188</v>
      </c>
      <c r="D4" s="11" t="s">
        <v>22</v>
      </c>
      <c r="E4" s="11" t="s">
        <v>15</v>
      </c>
    </row>
    <row r="5" spans="1:17">
      <c r="A5" s="73" t="s">
        <v>114</v>
      </c>
      <c r="B5" s="20">
        <v>1855</v>
      </c>
      <c r="C5" s="20">
        <v>903</v>
      </c>
      <c r="D5" s="20">
        <v>2</v>
      </c>
      <c r="E5" s="20">
        <v>2760</v>
      </c>
    </row>
    <row r="6" spans="1:17">
      <c r="A6" s="77"/>
      <c r="B6" s="21">
        <v>0.67200000000000004</v>
      </c>
      <c r="C6" s="21">
        <v>0.32700000000000001</v>
      </c>
      <c r="D6" s="21">
        <v>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15</v>
      </c>
      <c r="B7" s="20">
        <v>2172</v>
      </c>
      <c r="C7" s="20">
        <v>1119</v>
      </c>
      <c r="D7" s="20">
        <v>3</v>
      </c>
      <c r="E7" s="20">
        <v>3294</v>
      </c>
    </row>
    <row r="8" spans="1:17">
      <c r="A8" s="74"/>
      <c r="B8" s="21">
        <v>0.65900000000000003</v>
      </c>
      <c r="C8" s="21">
        <v>0.34</v>
      </c>
      <c r="D8" s="21">
        <v>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2</v>
      </c>
      <c r="B9" s="24">
        <v>11</v>
      </c>
      <c r="C9" s="24">
        <v>5</v>
      </c>
      <c r="D9" s="24">
        <v>0</v>
      </c>
      <c r="E9" s="24">
        <v>16</v>
      </c>
      <c r="J9" s="22"/>
      <c r="K9" s="22"/>
      <c r="L9" s="22"/>
      <c r="M9" s="22"/>
      <c r="N9" s="22"/>
    </row>
    <row r="10" spans="1:17">
      <c r="A10" s="74"/>
      <c r="B10" s="21">
        <v>0.68799999999999994</v>
      </c>
      <c r="C10" s="21">
        <v>0.313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8" t="s">
        <v>15</v>
      </c>
      <c r="B11" s="20">
        <v>4038</v>
      </c>
      <c r="C11" s="20">
        <v>2027</v>
      </c>
      <c r="D11" s="20">
        <v>5</v>
      </c>
      <c r="E11" s="20">
        <v>6070</v>
      </c>
    </row>
    <row r="12" spans="1:17">
      <c r="A12" s="79"/>
      <c r="B12" s="21">
        <v>0.66500000000000004</v>
      </c>
      <c r="C12" s="21">
        <v>0.33400000000000002</v>
      </c>
      <c r="D12" s="21">
        <v>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4.25" customHeight="1">
      <c r="A13" s="39" t="s">
        <v>50</v>
      </c>
      <c r="B13" s="39"/>
      <c r="C13" s="39"/>
      <c r="D13" s="39"/>
      <c r="E13" s="39"/>
      <c r="J13" s="22"/>
      <c r="K13" s="22"/>
      <c r="L13" s="22"/>
      <c r="M13" s="22"/>
      <c r="N13" s="22"/>
    </row>
    <row r="14" spans="1:17">
      <c r="A14" s="43"/>
      <c r="B14" s="43"/>
      <c r="C14" s="43"/>
      <c r="D14" s="43"/>
      <c r="E14" s="43"/>
      <c r="J14" s="22"/>
      <c r="K14" s="22"/>
      <c r="L14" s="22"/>
      <c r="M14" s="22"/>
      <c r="N14" s="22"/>
      <c r="O14" s="22"/>
      <c r="P14" s="22"/>
      <c r="Q14" s="22"/>
    </row>
    <row r="15" spans="1:17">
      <c r="J15" s="22"/>
      <c r="K15" s="22"/>
      <c r="L15" s="22"/>
      <c r="M15" s="22"/>
      <c r="N15" s="22"/>
    </row>
    <row r="16" spans="1:17">
      <c r="J16" s="22"/>
      <c r="K16" s="22"/>
      <c r="L16" s="22"/>
      <c r="M16" s="22"/>
      <c r="N16" s="22"/>
      <c r="O16" s="22"/>
      <c r="P16" s="22"/>
      <c r="Q16" s="22"/>
    </row>
    <row r="17" spans="10:17">
      <c r="J17" s="22"/>
      <c r="K17" s="22"/>
      <c r="L17" s="22"/>
      <c r="M17" s="22"/>
      <c r="N17" s="22"/>
    </row>
    <row r="18" spans="10:17">
      <c r="J18" s="22"/>
      <c r="K18" s="22"/>
      <c r="L18" s="22"/>
      <c r="M18" s="22"/>
      <c r="N18" s="22"/>
      <c r="O18" s="22"/>
      <c r="P18" s="22"/>
      <c r="Q18" s="22"/>
    </row>
    <row r="19" spans="10:17">
      <c r="J19" s="22"/>
      <c r="K19" s="22"/>
      <c r="L19" s="22"/>
      <c r="M19" s="22"/>
      <c r="N19" s="22"/>
    </row>
    <row r="20" spans="10:17">
      <c r="J20" s="22"/>
      <c r="K20" s="22"/>
      <c r="L20" s="22"/>
      <c r="M20" s="22"/>
      <c r="N20" s="22"/>
      <c r="O20" s="22"/>
      <c r="P20" s="22"/>
      <c r="Q20" s="22"/>
    </row>
    <row r="21" spans="10:17">
      <c r="J21" s="22"/>
      <c r="K21" s="22"/>
      <c r="L21" s="22"/>
      <c r="M21" s="22"/>
      <c r="N21" s="22"/>
    </row>
    <row r="22" spans="10:17">
      <c r="J22" s="22"/>
      <c r="K22" s="22"/>
      <c r="L22" s="22"/>
      <c r="M22" s="22"/>
      <c r="N22" s="22"/>
      <c r="O22" s="22"/>
      <c r="P22" s="22"/>
      <c r="Q22" s="22"/>
    </row>
    <row r="23" spans="10:17">
      <c r="J23" s="22"/>
      <c r="K23" s="22"/>
      <c r="L23" s="22"/>
      <c r="M23" s="22"/>
      <c r="N23" s="22"/>
    </row>
    <row r="24" spans="10:17">
      <c r="J24" s="22"/>
      <c r="K24" s="22"/>
      <c r="L24" s="22"/>
      <c r="M24" s="22"/>
      <c r="N24" s="22"/>
      <c r="O24" s="22"/>
      <c r="P24" s="22"/>
      <c r="Q24" s="22"/>
    </row>
    <row r="25" spans="10:17">
      <c r="J25" s="22"/>
      <c r="K25" s="22"/>
      <c r="L25" s="22"/>
      <c r="M25" s="22"/>
      <c r="N25" s="22"/>
    </row>
  </sheetData>
  <mergeCells count="7"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"/>
  <dimension ref="A1:R25"/>
  <sheetViews>
    <sheetView workbookViewId="0">
      <selection activeCell="A2" sqref="A2"/>
    </sheetView>
  </sheetViews>
  <sheetFormatPr defaultColWidth="9" defaultRowHeight="14.25"/>
  <cols>
    <col min="1" max="6" width="9" style="18" customWidth="1"/>
    <col min="7" max="16384" width="9" style="18"/>
  </cols>
  <sheetData>
    <row r="1" spans="1:18">
      <c r="A1" s="70" t="s">
        <v>287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136</v>
      </c>
      <c r="B3" s="76" t="s">
        <v>118</v>
      </c>
      <c r="C3" s="76"/>
      <c r="D3" s="76"/>
      <c r="E3" s="76"/>
      <c r="F3" s="76"/>
    </row>
    <row r="4" spans="1:18" ht="28.5">
      <c r="A4" s="75"/>
      <c r="B4" s="11" t="s">
        <v>288</v>
      </c>
      <c r="C4" s="11" t="s">
        <v>53</v>
      </c>
      <c r="D4" s="11" t="s">
        <v>54</v>
      </c>
      <c r="E4" s="11" t="s">
        <v>22</v>
      </c>
      <c r="F4" s="11" t="s">
        <v>15</v>
      </c>
    </row>
    <row r="5" spans="1:18">
      <c r="A5" s="73" t="s">
        <v>114</v>
      </c>
      <c r="B5" s="20">
        <v>194</v>
      </c>
      <c r="C5" s="20">
        <v>1162</v>
      </c>
      <c r="D5" s="20">
        <v>1403</v>
      </c>
      <c r="E5" s="20">
        <v>1</v>
      </c>
      <c r="F5" s="20">
        <v>2760</v>
      </c>
    </row>
    <row r="6" spans="1:18">
      <c r="A6" s="77"/>
      <c r="B6" s="21">
        <v>7.0000000000000007E-2</v>
      </c>
      <c r="C6" s="21">
        <v>0.42099999999999999</v>
      </c>
      <c r="D6" s="21">
        <v>0.50800000000000001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15</v>
      </c>
      <c r="B7" s="20">
        <v>356</v>
      </c>
      <c r="C7" s="20">
        <v>1571</v>
      </c>
      <c r="D7" s="20">
        <v>1366</v>
      </c>
      <c r="E7" s="20">
        <v>1</v>
      </c>
      <c r="F7" s="20">
        <v>3294</v>
      </c>
    </row>
    <row r="8" spans="1:18">
      <c r="A8" s="74"/>
      <c r="B8" s="21">
        <v>0.108</v>
      </c>
      <c r="C8" s="21">
        <v>0.47699999999999998</v>
      </c>
      <c r="D8" s="21">
        <v>0.41499999999999998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2</v>
      </c>
      <c r="B9" s="24">
        <v>3</v>
      </c>
      <c r="C9" s="24">
        <v>7</v>
      </c>
      <c r="D9" s="24">
        <v>5</v>
      </c>
      <c r="E9" s="24">
        <v>1</v>
      </c>
      <c r="F9" s="24">
        <v>16</v>
      </c>
      <c r="K9" s="22"/>
      <c r="L9" s="22"/>
      <c r="M9" s="22"/>
      <c r="N9" s="22"/>
      <c r="O9" s="22"/>
    </row>
    <row r="10" spans="1:18">
      <c r="A10" s="74"/>
      <c r="B10" s="21">
        <v>0.188</v>
      </c>
      <c r="C10" s="21">
        <v>0.438</v>
      </c>
      <c r="D10" s="21">
        <v>0.313</v>
      </c>
      <c r="E10" s="21">
        <v>6.3E-2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8" t="s">
        <v>15</v>
      </c>
      <c r="B11" s="20">
        <v>553</v>
      </c>
      <c r="C11" s="20">
        <v>2740</v>
      </c>
      <c r="D11" s="20">
        <v>2774</v>
      </c>
      <c r="E11" s="20">
        <v>3</v>
      </c>
      <c r="F11" s="20">
        <v>6070</v>
      </c>
    </row>
    <row r="12" spans="1:18">
      <c r="A12" s="79"/>
      <c r="B12" s="21">
        <v>9.0999999999999998E-2</v>
      </c>
      <c r="C12" s="21">
        <v>0.45100000000000001</v>
      </c>
      <c r="D12" s="21">
        <v>0.45700000000000002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58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  <c r="Q14" s="22"/>
      <c r="R14" s="22"/>
    </row>
    <row r="15" spans="1:18">
      <c r="K15" s="22"/>
      <c r="L15" s="22"/>
      <c r="M15" s="22"/>
      <c r="N15" s="22"/>
      <c r="O15" s="22"/>
    </row>
    <row r="16" spans="1:18">
      <c r="K16" s="22"/>
      <c r="L16" s="22"/>
      <c r="M16" s="22"/>
      <c r="N16" s="22"/>
      <c r="O16" s="22"/>
      <c r="P16" s="22"/>
      <c r="Q16" s="22"/>
      <c r="R16" s="22"/>
    </row>
    <row r="17" spans="11:18">
      <c r="K17" s="22"/>
      <c r="L17" s="22"/>
      <c r="M17" s="22"/>
      <c r="N17" s="22"/>
      <c r="O17" s="22"/>
    </row>
    <row r="18" spans="11:18">
      <c r="K18" s="22"/>
      <c r="L18" s="22"/>
      <c r="M18" s="22"/>
      <c r="N18" s="22"/>
      <c r="O18" s="22"/>
      <c r="P18" s="22"/>
      <c r="Q18" s="22"/>
      <c r="R18" s="22"/>
    </row>
    <row r="19" spans="11:18">
      <c r="K19" s="22"/>
      <c r="L19" s="22"/>
      <c r="M19" s="22"/>
      <c r="N19" s="22"/>
      <c r="O19" s="22"/>
    </row>
    <row r="20" spans="11:18">
      <c r="K20" s="22"/>
      <c r="L20" s="22"/>
      <c r="M20" s="22"/>
      <c r="N20" s="22"/>
      <c r="O20" s="22"/>
      <c r="P20" s="22"/>
      <c r="Q20" s="22"/>
      <c r="R20" s="22"/>
    </row>
    <row r="21" spans="11:18">
      <c r="K21" s="22"/>
      <c r="L21" s="22"/>
      <c r="M21" s="22"/>
      <c r="N21" s="22"/>
      <c r="O21" s="22"/>
    </row>
    <row r="22" spans="11:18">
      <c r="K22" s="22"/>
      <c r="L22" s="22"/>
      <c r="M22" s="22"/>
      <c r="N22" s="22"/>
      <c r="O22" s="22"/>
      <c r="P22" s="22"/>
      <c r="Q22" s="22"/>
      <c r="R22" s="22"/>
    </row>
    <row r="23" spans="11:18">
      <c r="K23" s="22"/>
      <c r="L23" s="22"/>
      <c r="M23" s="22"/>
      <c r="N23" s="22"/>
      <c r="O23" s="22"/>
    </row>
    <row r="24" spans="11:18">
      <c r="K24" s="22"/>
      <c r="L24" s="22"/>
      <c r="M24" s="22"/>
      <c r="N24" s="22"/>
      <c r="O24" s="22"/>
      <c r="P24" s="22"/>
      <c r="Q24" s="22"/>
      <c r="R24" s="22"/>
    </row>
    <row r="25" spans="11:18">
      <c r="K25" s="22"/>
      <c r="L25" s="22"/>
      <c r="M25" s="22"/>
      <c r="N25" s="22"/>
      <c r="O25" s="2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2"/>
  <dimension ref="A1:T25"/>
  <sheetViews>
    <sheetView workbookViewId="0">
      <selection activeCell="A2" sqref="A2"/>
    </sheetView>
  </sheetViews>
  <sheetFormatPr defaultColWidth="9" defaultRowHeight="14.25"/>
  <cols>
    <col min="1" max="8" width="9" style="18" customWidth="1"/>
    <col min="9" max="16384" width="9" style="18"/>
  </cols>
  <sheetData>
    <row r="1" spans="1:20">
      <c r="A1" s="70" t="s">
        <v>592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75" t="s">
        <v>136</v>
      </c>
      <c r="B3" s="76" t="s">
        <v>119</v>
      </c>
      <c r="C3" s="76"/>
      <c r="D3" s="76"/>
      <c r="E3" s="76"/>
      <c r="F3" s="76"/>
      <c r="G3" s="76"/>
      <c r="H3" s="76"/>
    </row>
    <row r="4" spans="1:20" ht="42.75">
      <c r="A4" s="75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1" t="s">
        <v>15</v>
      </c>
    </row>
    <row r="5" spans="1:20">
      <c r="A5" s="73" t="s">
        <v>114</v>
      </c>
      <c r="B5" s="20">
        <v>238</v>
      </c>
      <c r="C5" s="20">
        <v>720</v>
      </c>
      <c r="D5" s="20">
        <v>496</v>
      </c>
      <c r="E5" s="20">
        <v>926</v>
      </c>
      <c r="F5" s="20">
        <v>379</v>
      </c>
      <c r="G5" s="20">
        <v>1</v>
      </c>
      <c r="H5" s="20">
        <v>2760</v>
      </c>
    </row>
    <row r="6" spans="1:20">
      <c r="A6" s="77"/>
      <c r="B6" s="21">
        <v>8.5999999999999993E-2</v>
      </c>
      <c r="C6" s="21">
        <v>0.26100000000000001</v>
      </c>
      <c r="D6" s="21">
        <v>0.18</v>
      </c>
      <c r="E6" s="21">
        <v>0.33600000000000002</v>
      </c>
      <c r="F6" s="21">
        <v>0.13700000000000001</v>
      </c>
      <c r="G6" s="21">
        <v>0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>
      <c r="A7" s="73" t="s">
        <v>115</v>
      </c>
      <c r="B7" s="24">
        <v>375</v>
      </c>
      <c r="C7" s="24">
        <v>805</v>
      </c>
      <c r="D7" s="24">
        <v>638</v>
      </c>
      <c r="E7" s="24">
        <v>886</v>
      </c>
      <c r="F7" s="24">
        <v>589</v>
      </c>
      <c r="G7" s="24">
        <v>1</v>
      </c>
      <c r="H7" s="20">
        <v>3294</v>
      </c>
      <c r="M7" s="22"/>
      <c r="N7" s="22"/>
      <c r="O7" s="22"/>
      <c r="P7" s="22"/>
      <c r="Q7" s="22"/>
    </row>
    <row r="8" spans="1:20">
      <c r="A8" s="74"/>
      <c r="B8" s="21">
        <v>0.114</v>
      </c>
      <c r="C8" s="21">
        <v>0.24399999999999999</v>
      </c>
      <c r="D8" s="21">
        <v>0.19400000000000001</v>
      </c>
      <c r="E8" s="21">
        <v>0.26900000000000002</v>
      </c>
      <c r="F8" s="21">
        <v>0.17899999999999999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73" t="s">
        <v>22</v>
      </c>
      <c r="B9" s="24">
        <v>4</v>
      </c>
      <c r="C9" s="24">
        <v>5</v>
      </c>
      <c r="D9" s="24">
        <v>1</v>
      </c>
      <c r="E9" s="24">
        <v>4</v>
      </c>
      <c r="F9" s="24">
        <v>2</v>
      </c>
      <c r="G9" s="24">
        <v>0</v>
      </c>
      <c r="H9" s="24">
        <v>16</v>
      </c>
      <c r="M9" s="22"/>
      <c r="N9" s="22"/>
      <c r="O9" s="22"/>
      <c r="P9" s="22"/>
      <c r="Q9" s="22"/>
    </row>
    <row r="10" spans="1:20">
      <c r="A10" s="74"/>
      <c r="B10" s="21">
        <v>0.25</v>
      </c>
      <c r="C10" s="21">
        <v>0.313</v>
      </c>
      <c r="D10" s="21">
        <v>6.3E-2</v>
      </c>
      <c r="E10" s="21">
        <v>0.25</v>
      </c>
      <c r="F10" s="21">
        <v>0.125</v>
      </c>
      <c r="G10" s="21">
        <v>0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 s="23" customFormat="1">
      <c r="A11" s="78" t="s">
        <v>15</v>
      </c>
      <c r="B11" s="20">
        <v>617</v>
      </c>
      <c r="C11" s="20">
        <v>1530</v>
      </c>
      <c r="D11" s="20">
        <v>1135</v>
      </c>
      <c r="E11" s="20">
        <v>1816</v>
      </c>
      <c r="F11" s="20">
        <v>970</v>
      </c>
      <c r="G11" s="20">
        <v>2</v>
      </c>
      <c r="H11" s="20">
        <v>6070</v>
      </c>
    </row>
    <row r="12" spans="1:20">
      <c r="A12" s="79"/>
      <c r="B12" s="21">
        <v>0.10199999999999999</v>
      </c>
      <c r="C12" s="21">
        <v>0.252</v>
      </c>
      <c r="D12" s="21">
        <v>0.187</v>
      </c>
      <c r="E12" s="21">
        <v>0.29899999999999999</v>
      </c>
      <c r="F12" s="21">
        <v>0.16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>
      <c r="A13" s="71" t="s">
        <v>65</v>
      </c>
      <c r="B13" s="71"/>
      <c r="C13" s="71"/>
      <c r="D13" s="71"/>
      <c r="E13" s="71"/>
      <c r="F13" s="71"/>
      <c r="G13" s="71"/>
      <c r="H13" s="71"/>
      <c r="M13" s="22"/>
      <c r="N13" s="22"/>
      <c r="O13" s="22"/>
      <c r="P13" s="22"/>
      <c r="Q13" s="22"/>
    </row>
    <row r="14" spans="1:20">
      <c r="A14" s="81"/>
      <c r="B14" s="81"/>
      <c r="C14" s="81"/>
      <c r="D14" s="81"/>
      <c r="E14" s="81"/>
      <c r="F14" s="81"/>
      <c r="G14" s="81"/>
      <c r="H14" s="81"/>
      <c r="M14" s="22"/>
      <c r="N14" s="22"/>
      <c r="O14" s="22"/>
      <c r="P14" s="22"/>
      <c r="Q14" s="22"/>
      <c r="R14" s="22"/>
      <c r="S14" s="22"/>
      <c r="T14" s="22"/>
    </row>
    <row r="15" spans="1:20">
      <c r="M15" s="22"/>
      <c r="N15" s="22"/>
      <c r="O15" s="22"/>
      <c r="P15" s="22"/>
      <c r="Q15" s="22"/>
    </row>
    <row r="16" spans="1:20">
      <c r="M16" s="22"/>
      <c r="N16" s="22"/>
      <c r="O16" s="22"/>
      <c r="P16" s="22"/>
      <c r="Q16" s="22"/>
      <c r="R16" s="22"/>
      <c r="S16" s="22"/>
      <c r="T16" s="22"/>
    </row>
    <row r="17" spans="13:20">
      <c r="M17" s="22"/>
      <c r="N17" s="22"/>
      <c r="O17" s="22"/>
      <c r="P17" s="22"/>
      <c r="Q17" s="22"/>
    </row>
    <row r="18" spans="13:20">
      <c r="M18" s="22"/>
      <c r="N18" s="22"/>
      <c r="O18" s="22"/>
      <c r="P18" s="22"/>
      <c r="Q18" s="22"/>
      <c r="R18" s="22"/>
      <c r="S18" s="22"/>
      <c r="T18" s="22"/>
    </row>
    <row r="19" spans="13:20">
      <c r="M19" s="22"/>
      <c r="N19" s="22"/>
      <c r="O19" s="22"/>
      <c r="P19" s="22"/>
      <c r="Q19" s="22"/>
    </row>
    <row r="20" spans="13:20">
      <c r="M20" s="22"/>
      <c r="N20" s="22"/>
      <c r="O20" s="22"/>
      <c r="P20" s="22"/>
      <c r="Q20" s="22"/>
      <c r="R20" s="22"/>
      <c r="S20" s="22"/>
      <c r="T20" s="22"/>
    </row>
    <row r="21" spans="13:20">
      <c r="M21" s="22"/>
      <c r="N21" s="22"/>
      <c r="O21" s="22"/>
      <c r="P21" s="22"/>
      <c r="Q21" s="22"/>
    </row>
    <row r="22" spans="13:20">
      <c r="M22" s="22"/>
      <c r="N22" s="22"/>
      <c r="O22" s="22"/>
      <c r="P22" s="22"/>
      <c r="Q22" s="22"/>
      <c r="R22" s="22"/>
      <c r="S22" s="22"/>
      <c r="T22" s="22"/>
    </row>
    <row r="23" spans="13:20">
      <c r="M23" s="22"/>
      <c r="N23" s="22"/>
      <c r="O23" s="22"/>
      <c r="P23" s="22"/>
      <c r="Q23" s="22"/>
    </row>
    <row r="24" spans="13:20">
      <c r="M24" s="22"/>
      <c r="N24" s="22"/>
      <c r="O24" s="22"/>
      <c r="P24" s="22"/>
      <c r="Q24" s="22"/>
      <c r="R24" s="22"/>
      <c r="S24" s="22"/>
      <c r="T24" s="22"/>
    </row>
    <row r="25" spans="13:20">
      <c r="M25" s="22"/>
      <c r="N25" s="22"/>
      <c r="O25" s="22"/>
      <c r="P25" s="22"/>
      <c r="Q25" s="22"/>
    </row>
  </sheetData>
  <mergeCells count="8">
    <mergeCell ref="A11:A12"/>
    <mergeCell ref="A13:H14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3"/>
  <dimension ref="A1:S25"/>
  <sheetViews>
    <sheetView workbookViewId="0">
      <selection activeCell="A2" sqref="A2"/>
    </sheetView>
  </sheetViews>
  <sheetFormatPr defaultColWidth="9" defaultRowHeight="14.25"/>
  <cols>
    <col min="1" max="7" width="9" style="18" customWidth="1"/>
    <col min="8" max="16384" width="9" style="18"/>
  </cols>
  <sheetData>
    <row r="1" spans="1:19">
      <c r="A1" s="70" t="s">
        <v>289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75" t="s">
        <v>136</v>
      </c>
      <c r="B3" s="76" t="s">
        <v>120</v>
      </c>
      <c r="C3" s="76"/>
      <c r="D3" s="76"/>
      <c r="E3" s="76"/>
      <c r="F3" s="76"/>
      <c r="G3" s="76"/>
    </row>
    <row r="4" spans="1:19" ht="57">
      <c r="A4" s="75"/>
      <c r="B4" s="11" t="s">
        <v>69</v>
      </c>
      <c r="C4" s="11" t="s">
        <v>53</v>
      </c>
      <c r="D4" s="11" t="s">
        <v>54</v>
      </c>
      <c r="E4" s="11" t="s">
        <v>189</v>
      </c>
      <c r="F4" s="11" t="s">
        <v>22</v>
      </c>
      <c r="G4" s="11" t="s">
        <v>15</v>
      </c>
    </row>
    <row r="5" spans="1:19">
      <c r="A5" s="73" t="s">
        <v>114</v>
      </c>
      <c r="B5" s="20">
        <v>1097</v>
      </c>
      <c r="C5" s="20">
        <v>255</v>
      </c>
      <c r="D5" s="20">
        <v>188</v>
      </c>
      <c r="E5" s="20">
        <v>1217</v>
      </c>
      <c r="F5" s="20">
        <v>3</v>
      </c>
      <c r="G5" s="20">
        <v>2760</v>
      </c>
    </row>
    <row r="6" spans="1:19">
      <c r="A6" s="77"/>
      <c r="B6" s="21">
        <v>0.39700000000000002</v>
      </c>
      <c r="C6" s="21">
        <v>9.1999999999999998E-2</v>
      </c>
      <c r="D6" s="21">
        <v>6.8000000000000005E-2</v>
      </c>
      <c r="E6" s="21">
        <v>0.441</v>
      </c>
      <c r="F6" s="21">
        <v>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3" t="s">
        <v>115</v>
      </c>
      <c r="B7" s="20">
        <v>1304</v>
      </c>
      <c r="C7" s="20">
        <v>303</v>
      </c>
      <c r="D7" s="20">
        <v>180</v>
      </c>
      <c r="E7" s="20">
        <v>1498</v>
      </c>
      <c r="F7" s="20">
        <v>9</v>
      </c>
      <c r="G7" s="20">
        <v>3294</v>
      </c>
    </row>
    <row r="8" spans="1:19">
      <c r="A8" s="74"/>
      <c r="B8" s="21">
        <v>0.39600000000000002</v>
      </c>
      <c r="C8" s="21">
        <v>9.1999999999999998E-2</v>
      </c>
      <c r="D8" s="21">
        <v>5.5E-2</v>
      </c>
      <c r="E8" s="21">
        <v>0.45500000000000002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3" t="s">
        <v>22</v>
      </c>
      <c r="B9" s="24">
        <v>3</v>
      </c>
      <c r="C9" s="24">
        <v>4</v>
      </c>
      <c r="D9" s="24">
        <v>0</v>
      </c>
      <c r="E9" s="24">
        <v>9</v>
      </c>
      <c r="F9" s="24">
        <v>0</v>
      </c>
      <c r="G9" s="24">
        <v>16</v>
      </c>
      <c r="L9" s="22"/>
      <c r="M9" s="22"/>
      <c r="N9" s="22"/>
      <c r="O9" s="22"/>
      <c r="P9" s="22"/>
    </row>
    <row r="10" spans="1:19">
      <c r="A10" s="74"/>
      <c r="B10" s="21">
        <v>0.188</v>
      </c>
      <c r="C10" s="21">
        <v>0.25</v>
      </c>
      <c r="D10" s="21">
        <v>0</v>
      </c>
      <c r="E10" s="21">
        <v>0.56299999999999994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8" t="s">
        <v>15</v>
      </c>
      <c r="B11" s="20">
        <v>2404</v>
      </c>
      <c r="C11" s="20">
        <v>562</v>
      </c>
      <c r="D11" s="20">
        <v>368</v>
      </c>
      <c r="E11" s="20">
        <v>2724</v>
      </c>
      <c r="F11" s="20">
        <v>12</v>
      </c>
      <c r="G11" s="20">
        <v>6070</v>
      </c>
    </row>
    <row r="12" spans="1:19">
      <c r="A12" s="79"/>
      <c r="B12" s="21">
        <v>0.39600000000000002</v>
      </c>
      <c r="C12" s="21">
        <v>9.2999999999999999E-2</v>
      </c>
      <c r="D12" s="21">
        <v>6.0999999999999999E-2</v>
      </c>
      <c r="E12" s="21">
        <v>0.44900000000000001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1" t="s">
        <v>71</v>
      </c>
      <c r="B13" s="71"/>
      <c r="C13" s="71"/>
      <c r="D13" s="71"/>
      <c r="E13" s="71"/>
      <c r="F13" s="71"/>
      <c r="G13" s="71"/>
      <c r="L13" s="22"/>
      <c r="M13" s="22"/>
      <c r="N13" s="22"/>
      <c r="O13" s="22"/>
      <c r="P13" s="22"/>
    </row>
    <row r="14" spans="1:19">
      <c r="A14" s="81"/>
      <c r="B14" s="81"/>
      <c r="C14" s="81"/>
      <c r="D14" s="81"/>
      <c r="E14" s="81"/>
      <c r="F14" s="81"/>
      <c r="G14" s="81"/>
      <c r="L14" s="22"/>
      <c r="M14" s="22"/>
      <c r="N14" s="22"/>
      <c r="O14" s="22"/>
      <c r="P14" s="22"/>
      <c r="Q14" s="22"/>
      <c r="R14" s="22"/>
      <c r="S14" s="22"/>
    </row>
    <row r="15" spans="1:19">
      <c r="L15" s="22"/>
      <c r="M15" s="22"/>
      <c r="N15" s="22"/>
      <c r="O15" s="22"/>
      <c r="P15" s="22"/>
    </row>
    <row r="16" spans="1:19">
      <c r="L16" s="22"/>
      <c r="M16" s="22"/>
      <c r="N16" s="22"/>
      <c r="O16" s="22"/>
      <c r="P16" s="22"/>
      <c r="Q16" s="22"/>
      <c r="R16" s="22"/>
      <c r="S16" s="22"/>
    </row>
    <row r="17" spans="12:19">
      <c r="L17" s="22"/>
      <c r="M17" s="22"/>
      <c r="N17" s="22"/>
      <c r="O17" s="22"/>
      <c r="P17" s="22"/>
    </row>
    <row r="18" spans="12:19">
      <c r="L18" s="22"/>
      <c r="M18" s="22"/>
      <c r="N18" s="22"/>
      <c r="O18" s="22"/>
      <c r="P18" s="22"/>
      <c r="Q18" s="22"/>
      <c r="R18" s="22"/>
      <c r="S18" s="22"/>
    </row>
    <row r="19" spans="12:19">
      <c r="L19" s="22"/>
      <c r="M19" s="22"/>
      <c r="N19" s="22"/>
      <c r="O19" s="22"/>
      <c r="P19" s="22"/>
    </row>
    <row r="20" spans="12:19">
      <c r="L20" s="22"/>
      <c r="M20" s="22"/>
      <c r="N20" s="22"/>
      <c r="O20" s="22"/>
      <c r="P20" s="22"/>
      <c r="Q20" s="22"/>
      <c r="R20" s="22"/>
      <c r="S20" s="22"/>
    </row>
    <row r="21" spans="12:19">
      <c r="L21" s="22"/>
      <c r="M21" s="22"/>
      <c r="N21" s="22"/>
      <c r="O21" s="22"/>
      <c r="P21" s="22"/>
    </row>
    <row r="22" spans="12:19">
      <c r="L22" s="22"/>
      <c r="M22" s="22"/>
      <c r="N22" s="22"/>
      <c r="O22" s="22"/>
      <c r="P22" s="22"/>
      <c r="Q22" s="22"/>
      <c r="R22" s="22"/>
      <c r="S22" s="22"/>
    </row>
    <row r="23" spans="12:19">
      <c r="L23" s="22"/>
      <c r="M23" s="22"/>
      <c r="N23" s="22"/>
      <c r="O23" s="22"/>
      <c r="P23" s="22"/>
    </row>
    <row r="24" spans="12:19">
      <c r="L24" s="22"/>
      <c r="M24" s="22"/>
      <c r="N24" s="22"/>
      <c r="O24" s="22"/>
      <c r="P24" s="22"/>
      <c r="Q24" s="22"/>
      <c r="R24" s="22"/>
      <c r="S24" s="22"/>
    </row>
    <row r="25" spans="12:19">
      <c r="L25" s="22"/>
      <c r="M25" s="22"/>
      <c r="N25" s="22"/>
      <c r="O25" s="22"/>
      <c r="P25" s="22"/>
    </row>
  </sheetData>
  <mergeCells count="8">
    <mergeCell ref="A11:A12"/>
    <mergeCell ref="A13:G14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4"/>
  <dimension ref="A1:R25"/>
  <sheetViews>
    <sheetView workbookViewId="0">
      <selection activeCell="A2" sqref="A2"/>
    </sheetView>
  </sheetViews>
  <sheetFormatPr defaultColWidth="9" defaultRowHeight="14.25"/>
  <cols>
    <col min="1" max="6" width="9" style="18" customWidth="1"/>
    <col min="7" max="16384" width="9" style="18"/>
  </cols>
  <sheetData>
    <row r="1" spans="1:18">
      <c r="A1" s="70" t="s">
        <v>290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136</v>
      </c>
      <c r="B3" s="76" t="s">
        <v>121</v>
      </c>
      <c r="C3" s="76"/>
      <c r="D3" s="76"/>
      <c r="E3" s="76"/>
      <c r="F3" s="76"/>
    </row>
    <row r="4" spans="1:18" ht="57">
      <c r="A4" s="75"/>
      <c r="B4" s="11" t="s">
        <v>43</v>
      </c>
      <c r="C4" s="11" t="s">
        <v>44</v>
      </c>
      <c r="D4" s="11" t="s">
        <v>70</v>
      </c>
      <c r="E4" s="11" t="s">
        <v>22</v>
      </c>
      <c r="F4" s="11" t="s">
        <v>15</v>
      </c>
    </row>
    <row r="5" spans="1:18">
      <c r="A5" s="73" t="s">
        <v>114</v>
      </c>
      <c r="B5" s="20">
        <v>657</v>
      </c>
      <c r="C5" s="20">
        <v>1054</v>
      </c>
      <c r="D5" s="20">
        <v>1045</v>
      </c>
      <c r="E5" s="20">
        <v>4</v>
      </c>
      <c r="F5" s="20">
        <v>2760</v>
      </c>
    </row>
    <row r="6" spans="1:18">
      <c r="A6" s="77"/>
      <c r="B6" s="21">
        <v>0.23799999999999999</v>
      </c>
      <c r="C6" s="21">
        <v>0.38200000000000001</v>
      </c>
      <c r="D6" s="21">
        <v>0.379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15</v>
      </c>
      <c r="B7" s="20">
        <v>1004</v>
      </c>
      <c r="C7" s="20">
        <v>1076</v>
      </c>
      <c r="D7" s="20">
        <v>1209</v>
      </c>
      <c r="E7" s="20">
        <v>5</v>
      </c>
      <c r="F7" s="20">
        <v>3294</v>
      </c>
    </row>
    <row r="8" spans="1:18">
      <c r="A8" s="74"/>
      <c r="B8" s="21">
        <v>0.30499999999999999</v>
      </c>
      <c r="C8" s="21">
        <v>0.32700000000000001</v>
      </c>
      <c r="D8" s="21">
        <v>0.36699999999999999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2</v>
      </c>
      <c r="B9" s="24">
        <v>4</v>
      </c>
      <c r="C9" s="24">
        <v>6</v>
      </c>
      <c r="D9" s="24">
        <v>6</v>
      </c>
      <c r="E9" s="24">
        <v>0</v>
      </c>
      <c r="F9" s="24">
        <v>16</v>
      </c>
      <c r="K9" s="22"/>
      <c r="L9" s="22"/>
      <c r="M9" s="22"/>
      <c r="N9" s="22"/>
      <c r="O9" s="22"/>
    </row>
    <row r="10" spans="1:18">
      <c r="A10" s="74"/>
      <c r="B10" s="21">
        <v>0.25</v>
      </c>
      <c r="C10" s="21">
        <v>0.375</v>
      </c>
      <c r="D10" s="21">
        <v>0.375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8" t="s">
        <v>15</v>
      </c>
      <c r="B11" s="20">
        <v>1665</v>
      </c>
      <c r="C11" s="20">
        <v>2136</v>
      </c>
      <c r="D11" s="20">
        <v>2260</v>
      </c>
      <c r="E11" s="20">
        <v>9</v>
      </c>
      <c r="F11" s="20">
        <v>6070</v>
      </c>
    </row>
    <row r="12" spans="1:18">
      <c r="A12" s="79"/>
      <c r="B12" s="21">
        <v>0.27400000000000002</v>
      </c>
      <c r="C12" s="21">
        <v>0.35199999999999998</v>
      </c>
      <c r="D12" s="21">
        <v>0.372</v>
      </c>
      <c r="E12" s="21">
        <v>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>
      <c r="A13" s="71" t="s">
        <v>75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  <c r="Q14" s="22"/>
      <c r="R14" s="22"/>
    </row>
    <row r="15" spans="1:18">
      <c r="K15" s="22"/>
      <c r="L15" s="22"/>
      <c r="M15" s="22"/>
      <c r="N15" s="22"/>
      <c r="O15" s="22"/>
    </row>
    <row r="16" spans="1:18">
      <c r="K16" s="22"/>
      <c r="L16" s="22"/>
      <c r="M16" s="22"/>
      <c r="N16" s="22"/>
      <c r="O16" s="22"/>
      <c r="P16" s="22"/>
      <c r="Q16" s="22"/>
      <c r="R16" s="22"/>
    </row>
    <row r="17" spans="11:18">
      <c r="K17" s="22"/>
      <c r="L17" s="22"/>
      <c r="M17" s="22"/>
      <c r="N17" s="22"/>
      <c r="O17" s="22"/>
    </row>
    <row r="18" spans="11:18">
      <c r="K18" s="22"/>
      <c r="L18" s="22"/>
      <c r="M18" s="22"/>
      <c r="N18" s="22"/>
      <c r="O18" s="22"/>
      <c r="P18" s="22"/>
      <c r="Q18" s="22"/>
      <c r="R18" s="22"/>
    </row>
    <row r="19" spans="11:18">
      <c r="K19" s="22"/>
      <c r="L19" s="22"/>
      <c r="M19" s="22"/>
      <c r="N19" s="22"/>
      <c r="O19" s="22"/>
    </row>
    <row r="20" spans="11:18">
      <c r="K20" s="22"/>
      <c r="L20" s="22"/>
      <c r="M20" s="22"/>
      <c r="N20" s="22"/>
      <c r="O20" s="22"/>
      <c r="P20" s="22"/>
      <c r="Q20" s="22"/>
      <c r="R20" s="22"/>
    </row>
    <row r="21" spans="11:18">
      <c r="K21" s="22"/>
      <c r="L21" s="22"/>
      <c r="M21" s="22"/>
      <c r="N21" s="22"/>
      <c r="O21" s="22"/>
    </row>
    <row r="22" spans="11:18">
      <c r="K22" s="22"/>
      <c r="L22" s="22"/>
      <c r="M22" s="22"/>
      <c r="N22" s="22"/>
      <c r="O22" s="22"/>
      <c r="P22" s="22"/>
      <c r="Q22" s="22"/>
      <c r="R22" s="22"/>
    </row>
    <row r="23" spans="11:18">
      <c r="K23" s="22"/>
      <c r="L23" s="22"/>
      <c r="M23" s="22"/>
      <c r="N23" s="22"/>
      <c r="O23" s="22"/>
    </row>
    <row r="24" spans="11:18">
      <c r="K24" s="22"/>
      <c r="L24" s="22"/>
      <c r="M24" s="22"/>
      <c r="N24" s="22"/>
      <c r="O24" s="22"/>
      <c r="P24" s="22"/>
      <c r="Q24" s="22"/>
      <c r="R24" s="22"/>
    </row>
    <row r="25" spans="11:18">
      <c r="K25" s="22"/>
      <c r="L25" s="22"/>
      <c r="M25" s="22"/>
      <c r="N25" s="22"/>
      <c r="O25" s="2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5"/>
  <dimension ref="A1:R25"/>
  <sheetViews>
    <sheetView workbookViewId="0">
      <selection activeCell="A2" sqref="A2"/>
    </sheetView>
  </sheetViews>
  <sheetFormatPr defaultColWidth="9" defaultRowHeight="14.25"/>
  <cols>
    <col min="1" max="6" width="9" style="18" customWidth="1"/>
    <col min="7" max="16384" width="9" style="18"/>
  </cols>
  <sheetData>
    <row r="1" spans="1:18">
      <c r="A1" s="70" t="s">
        <v>291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136</v>
      </c>
      <c r="B3" s="76" t="s">
        <v>122</v>
      </c>
      <c r="C3" s="76"/>
      <c r="D3" s="76"/>
      <c r="E3" s="76"/>
      <c r="F3" s="76"/>
    </row>
    <row r="4" spans="1:18" ht="28.5">
      <c r="A4" s="75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8">
      <c r="A5" s="73" t="s">
        <v>114</v>
      </c>
      <c r="B5" s="20">
        <v>1362</v>
      </c>
      <c r="C5" s="20">
        <v>257</v>
      </c>
      <c r="D5" s="20">
        <v>1132</v>
      </c>
      <c r="E5" s="20">
        <v>9</v>
      </c>
      <c r="F5" s="20">
        <v>2760</v>
      </c>
    </row>
    <row r="6" spans="1:18">
      <c r="A6" s="77"/>
      <c r="B6" s="21">
        <v>0.49299999999999999</v>
      </c>
      <c r="C6" s="21">
        <v>9.2999999999999999E-2</v>
      </c>
      <c r="D6" s="21">
        <v>0.41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15</v>
      </c>
      <c r="B7" s="20">
        <v>1894</v>
      </c>
      <c r="C7" s="20">
        <v>215</v>
      </c>
      <c r="D7" s="20">
        <v>1174</v>
      </c>
      <c r="E7" s="20">
        <v>11</v>
      </c>
      <c r="F7" s="20">
        <v>3294</v>
      </c>
    </row>
    <row r="8" spans="1:18">
      <c r="A8" s="74"/>
      <c r="B8" s="21">
        <v>0.57499999999999996</v>
      </c>
      <c r="C8" s="21">
        <v>6.5000000000000002E-2</v>
      </c>
      <c r="D8" s="21">
        <v>0.35599999999999998</v>
      </c>
      <c r="E8" s="21">
        <v>3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2</v>
      </c>
      <c r="B9" s="24">
        <v>7</v>
      </c>
      <c r="C9" s="24">
        <v>0</v>
      </c>
      <c r="D9" s="24">
        <v>9</v>
      </c>
      <c r="E9" s="24">
        <v>0</v>
      </c>
      <c r="F9" s="24">
        <v>16</v>
      </c>
      <c r="K9" s="22"/>
      <c r="L9" s="22"/>
      <c r="M9" s="22"/>
      <c r="N9" s="22"/>
      <c r="O9" s="22"/>
    </row>
    <row r="10" spans="1:18">
      <c r="A10" s="74"/>
      <c r="B10" s="21">
        <v>0.438</v>
      </c>
      <c r="C10" s="21">
        <v>0</v>
      </c>
      <c r="D10" s="21">
        <v>0.56299999999999994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8" t="s">
        <v>15</v>
      </c>
      <c r="B11" s="20">
        <v>3263</v>
      </c>
      <c r="C11" s="20">
        <v>472</v>
      </c>
      <c r="D11" s="20">
        <v>2315</v>
      </c>
      <c r="E11" s="20">
        <v>20</v>
      </c>
      <c r="F11" s="20">
        <v>6070</v>
      </c>
    </row>
    <row r="12" spans="1:18">
      <c r="A12" s="79"/>
      <c r="B12" s="21">
        <v>0.53800000000000003</v>
      </c>
      <c r="C12" s="21">
        <v>7.8E-2</v>
      </c>
      <c r="D12" s="21">
        <v>0.38100000000000001</v>
      </c>
      <c r="E12" s="21">
        <v>3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28.15" customHeight="1">
      <c r="A13" s="71" t="s">
        <v>239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 ht="13.9" customHeight="1">
      <c r="A14" s="35"/>
      <c r="B14" s="35"/>
      <c r="C14" s="35"/>
      <c r="D14" s="35"/>
      <c r="E14" s="35"/>
      <c r="F14" s="35"/>
      <c r="K14" s="22"/>
      <c r="L14" s="22"/>
      <c r="M14" s="22"/>
      <c r="N14" s="22"/>
      <c r="O14" s="22"/>
      <c r="P14" s="22"/>
      <c r="Q14" s="22"/>
      <c r="R14" s="22"/>
    </row>
    <row r="15" spans="1:18">
      <c r="K15" s="22"/>
      <c r="L15" s="22"/>
      <c r="M15" s="22"/>
      <c r="N15" s="22"/>
      <c r="O15" s="22"/>
    </row>
    <row r="16" spans="1:18">
      <c r="K16" s="22"/>
      <c r="L16" s="22"/>
      <c r="M16" s="22"/>
      <c r="N16" s="22"/>
      <c r="O16" s="22"/>
      <c r="P16" s="22"/>
      <c r="Q16" s="22"/>
      <c r="R16" s="22"/>
    </row>
    <row r="17" spans="4:18">
      <c r="K17" s="22"/>
      <c r="L17" s="22"/>
      <c r="M17" s="22"/>
      <c r="N17" s="22"/>
      <c r="O17" s="22"/>
    </row>
    <row r="18" spans="4:18">
      <c r="K18" s="22"/>
      <c r="L18" s="22"/>
      <c r="M18" s="22"/>
      <c r="N18" s="22"/>
      <c r="O18" s="22"/>
      <c r="P18" s="22"/>
      <c r="Q18" s="22"/>
      <c r="R18" s="22"/>
    </row>
    <row r="19" spans="4:18">
      <c r="K19" s="22"/>
      <c r="L19" s="22"/>
      <c r="M19" s="22"/>
      <c r="N19" s="22"/>
      <c r="O19" s="22"/>
    </row>
    <row r="20" spans="4:18">
      <c r="D20" s="14"/>
      <c r="E20" s="14"/>
      <c r="K20" s="22"/>
      <c r="L20" s="22"/>
      <c r="M20" s="22"/>
      <c r="N20" s="22"/>
      <c r="O20" s="22"/>
      <c r="P20" s="22"/>
      <c r="Q20" s="22"/>
      <c r="R20" s="22"/>
    </row>
    <row r="21" spans="4:18">
      <c r="K21" s="22"/>
      <c r="L21" s="22"/>
      <c r="M21" s="22"/>
      <c r="N21" s="22"/>
      <c r="O21" s="22"/>
    </row>
    <row r="22" spans="4:18">
      <c r="K22" s="22"/>
      <c r="L22" s="22"/>
      <c r="M22" s="22"/>
      <c r="N22" s="22"/>
      <c r="O22" s="22"/>
      <c r="P22" s="22"/>
      <c r="Q22" s="22"/>
      <c r="R22" s="22"/>
    </row>
    <row r="23" spans="4:18" ht="13.9" customHeight="1">
      <c r="K23" s="22"/>
      <c r="L23" s="22"/>
      <c r="M23" s="22"/>
      <c r="N23" s="22"/>
      <c r="O23" s="22"/>
    </row>
    <row r="24" spans="4:18">
      <c r="K24" s="22"/>
      <c r="L24" s="22"/>
      <c r="M24" s="22"/>
      <c r="N24" s="22"/>
      <c r="O24" s="22"/>
      <c r="P24" s="22"/>
      <c r="Q24" s="22"/>
      <c r="R24" s="22"/>
    </row>
    <row r="25" spans="4:18">
      <c r="K25" s="22"/>
      <c r="L25" s="22"/>
      <c r="M25" s="22"/>
      <c r="N25" s="22"/>
      <c r="O25" s="22"/>
    </row>
  </sheetData>
  <mergeCells count="8">
    <mergeCell ref="A13:F13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6"/>
  <dimension ref="A1:Q25"/>
  <sheetViews>
    <sheetView workbookViewId="0">
      <selection activeCell="A2" sqref="A2"/>
    </sheetView>
  </sheetViews>
  <sheetFormatPr defaultColWidth="9" defaultRowHeight="14.25"/>
  <cols>
    <col min="1" max="5" width="9" style="18" customWidth="1"/>
    <col min="6" max="16384" width="9" style="18"/>
  </cols>
  <sheetData>
    <row r="1" spans="1:17">
      <c r="A1" s="70" t="s">
        <v>292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136</v>
      </c>
      <c r="B3" s="76" t="s">
        <v>123</v>
      </c>
      <c r="C3" s="76"/>
      <c r="D3" s="76"/>
      <c r="E3" s="76"/>
    </row>
    <row r="4" spans="1:17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114</v>
      </c>
      <c r="B5" s="20">
        <v>2530</v>
      </c>
      <c r="C5" s="20">
        <v>219</v>
      </c>
      <c r="D5" s="20">
        <v>11</v>
      </c>
      <c r="E5" s="20">
        <v>2760</v>
      </c>
    </row>
    <row r="6" spans="1:17">
      <c r="A6" s="77"/>
      <c r="B6" s="21">
        <v>0.91700000000000004</v>
      </c>
      <c r="C6" s="21">
        <v>7.9000000000000001E-2</v>
      </c>
      <c r="D6" s="21">
        <v>4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15</v>
      </c>
      <c r="B7" s="20">
        <v>3123</v>
      </c>
      <c r="C7" s="20">
        <v>166</v>
      </c>
      <c r="D7" s="20">
        <v>5</v>
      </c>
      <c r="E7" s="20">
        <v>3294</v>
      </c>
    </row>
    <row r="8" spans="1:17">
      <c r="A8" s="74"/>
      <c r="B8" s="21">
        <v>0.94799999999999995</v>
      </c>
      <c r="C8" s="21">
        <v>0.05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2</v>
      </c>
      <c r="B9" s="24">
        <v>14</v>
      </c>
      <c r="C9" s="24">
        <v>1</v>
      </c>
      <c r="D9" s="24">
        <v>1</v>
      </c>
      <c r="E9" s="24">
        <v>16</v>
      </c>
      <c r="J9" s="22"/>
      <c r="K9" s="22"/>
      <c r="L9" s="22"/>
      <c r="M9" s="22"/>
      <c r="N9" s="22"/>
    </row>
    <row r="10" spans="1:17">
      <c r="A10" s="74"/>
      <c r="B10" s="21">
        <v>0.875</v>
      </c>
      <c r="C10" s="21">
        <v>6.3E-2</v>
      </c>
      <c r="D10" s="21">
        <v>6.3E-2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8" t="s">
        <v>15</v>
      </c>
      <c r="B11" s="20">
        <v>5667</v>
      </c>
      <c r="C11" s="20">
        <v>386</v>
      </c>
      <c r="D11" s="20">
        <v>17</v>
      </c>
      <c r="E11" s="20">
        <v>6070</v>
      </c>
    </row>
    <row r="12" spans="1:17">
      <c r="A12" s="79"/>
      <c r="B12" s="21">
        <v>0.93400000000000005</v>
      </c>
      <c r="C12" s="21">
        <v>6.4000000000000001E-2</v>
      </c>
      <c r="D12" s="21">
        <v>3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>
      <c r="A13" s="71" t="s">
        <v>192</v>
      </c>
      <c r="B13" s="71"/>
      <c r="C13" s="71"/>
      <c r="D13" s="71"/>
      <c r="E13" s="71"/>
      <c r="J13" s="22"/>
      <c r="K13" s="22"/>
      <c r="L13" s="22"/>
      <c r="M13" s="22"/>
      <c r="N13" s="22"/>
    </row>
    <row r="14" spans="1:17">
      <c r="A14" s="81"/>
      <c r="B14" s="81"/>
      <c r="C14" s="81"/>
      <c r="D14" s="81"/>
      <c r="E14" s="81"/>
      <c r="J14" s="22"/>
      <c r="K14" s="22"/>
      <c r="L14" s="22"/>
      <c r="M14" s="22"/>
      <c r="N14" s="22"/>
      <c r="O14" s="22"/>
      <c r="P14" s="22"/>
      <c r="Q14" s="22"/>
    </row>
    <row r="15" spans="1:17">
      <c r="J15" s="22"/>
      <c r="K15" s="22"/>
      <c r="L15" s="22"/>
      <c r="M15" s="22"/>
      <c r="N15" s="22"/>
    </row>
    <row r="16" spans="1:17">
      <c r="J16" s="22"/>
      <c r="K16" s="22"/>
      <c r="L16" s="22"/>
      <c r="M16" s="22"/>
      <c r="N16" s="22"/>
      <c r="O16" s="22"/>
      <c r="P16" s="22"/>
      <c r="Q16" s="22"/>
    </row>
    <row r="17" spans="10:17">
      <c r="J17" s="22"/>
      <c r="K17" s="22"/>
      <c r="L17" s="22"/>
      <c r="M17" s="22"/>
      <c r="N17" s="22"/>
    </row>
    <row r="18" spans="10:17">
      <c r="J18" s="22"/>
      <c r="K18" s="22"/>
      <c r="L18" s="22"/>
      <c r="M18" s="22"/>
      <c r="N18" s="22"/>
      <c r="O18" s="22"/>
      <c r="P18" s="22"/>
      <c r="Q18" s="22"/>
    </row>
    <row r="19" spans="10:17">
      <c r="J19" s="22"/>
      <c r="K19" s="22"/>
      <c r="L19" s="22"/>
      <c r="M19" s="22"/>
      <c r="N19" s="22"/>
    </row>
    <row r="20" spans="10:17">
      <c r="J20" s="22"/>
      <c r="K20" s="22"/>
      <c r="L20" s="22"/>
      <c r="M20" s="22"/>
      <c r="N20" s="22"/>
      <c r="O20" s="22"/>
      <c r="P20" s="22"/>
      <c r="Q20" s="22"/>
    </row>
    <row r="21" spans="10:17">
      <c r="J21" s="22"/>
      <c r="K21" s="22"/>
      <c r="L21" s="22"/>
      <c r="M21" s="22"/>
      <c r="N21" s="22"/>
    </row>
    <row r="22" spans="10:17">
      <c r="J22" s="22"/>
      <c r="K22" s="22"/>
      <c r="L22" s="22"/>
      <c r="M22" s="22"/>
      <c r="N22" s="22"/>
      <c r="O22" s="22"/>
      <c r="P22" s="22"/>
      <c r="Q22" s="22"/>
    </row>
    <row r="23" spans="10:17">
      <c r="J23" s="22"/>
      <c r="K23" s="22"/>
      <c r="L23" s="22"/>
      <c r="M23" s="22"/>
      <c r="N23" s="22"/>
    </row>
    <row r="24" spans="10:17">
      <c r="J24" s="22"/>
      <c r="K24" s="22"/>
      <c r="L24" s="22"/>
      <c r="M24" s="22"/>
      <c r="N24" s="22"/>
      <c r="O24" s="22"/>
      <c r="P24" s="22"/>
      <c r="Q24" s="22"/>
    </row>
    <row r="25" spans="10:17">
      <c r="J25" s="22"/>
      <c r="K25" s="22"/>
      <c r="L25" s="22"/>
      <c r="M25" s="22"/>
      <c r="N25" s="22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3"/>
  <dimension ref="A1:N36"/>
  <sheetViews>
    <sheetView workbookViewId="0">
      <selection activeCell="A2" sqref="A2"/>
    </sheetView>
  </sheetViews>
  <sheetFormatPr defaultColWidth="9" defaultRowHeight="14.25"/>
  <cols>
    <col min="1" max="1" width="10.5" style="18" customWidth="1"/>
    <col min="2" max="7" width="9.625" style="18" customWidth="1"/>
    <col min="8" max="16384" width="9" style="18"/>
  </cols>
  <sheetData>
    <row r="1" spans="1:14">
      <c r="A1" s="70" t="s">
        <v>593</v>
      </c>
      <c r="B1" s="70"/>
      <c r="C1" s="70"/>
    </row>
    <row r="2" spans="1:14">
      <c r="A2" s="121" t="s">
        <v>613</v>
      </c>
      <c r="B2" s="36"/>
      <c r="C2" s="36"/>
    </row>
    <row r="3" spans="1:14" ht="59.25" customHeight="1">
      <c r="A3" s="75" t="s">
        <v>136</v>
      </c>
      <c r="B3" s="82" t="s">
        <v>297</v>
      </c>
      <c r="C3" s="82"/>
      <c r="D3" s="82" t="s">
        <v>158</v>
      </c>
      <c r="E3" s="82"/>
      <c r="F3" s="82" t="s">
        <v>159</v>
      </c>
      <c r="G3" s="82"/>
    </row>
    <row r="4" spans="1:14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114</v>
      </c>
      <c r="B5" s="20">
        <v>730</v>
      </c>
      <c r="C5" s="20">
        <v>1800</v>
      </c>
      <c r="D5" s="20">
        <v>1340</v>
      </c>
      <c r="E5" s="20">
        <v>1190</v>
      </c>
      <c r="F5" s="20">
        <v>289</v>
      </c>
      <c r="G5" s="20">
        <v>2241</v>
      </c>
    </row>
    <row r="6" spans="1:14">
      <c r="A6" s="75"/>
      <c r="B6" s="21">
        <v>0.28899999999999998</v>
      </c>
      <c r="C6" s="21">
        <v>0.71099999999999997</v>
      </c>
      <c r="D6" s="21">
        <v>0.53</v>
      </c>
      <c r="E6" s="21">
        <v>0.47</v>
      </c>
      <c r="F6" s="21">
        <v>0.114</v>
      </c>
      <c r="G6" s="21">
        <v>0.88600000000000001</v>
      </c>
    </row>
    <row r="7" spans="1:14" s="23" customFormat="1">
      <c r="A7" s="75" t="s">
        <v>115</v>
      </c>
      <c r="B7" s="20">
        <v>794</v>
      </c>
      <c r="C7" s="20">
        <v>2329</v>
      </c>
      <c r="D7" s="20">
        <v>1801</v>
      </c>
      <c r="E7" s="20">
        <v>1322</v>
      </c>
      <c r="F7" s="20">
        <v>415</v>
      </c>
      <c r="G7" s="20">
        <v>2708</v>
      </c>
    </row>
    <row r="8" spans="1:14">
      <c r="A8" s="83"/>
      <c r="B8" s="21">
        <v>0.254</v>
      </c>
      <c r="C8" s="21">
        <v>0.746</v>
      </c>
      <c r="D8" s="21">
        <v>0.57699999999999996</v>
      </c>
      <c r="E8" s="21">
        <v>0.42299999999999999</v>
      </c>
      <c r="F8" s="21">
        <v>0.13300000000000001</v>
      </c>
      <c r="G8" s="21">
        <v>0.86699999999999999</v>
      </c>
    </row>
    <row r="9" spans="1:14">
      <c r="A9" s="75" t="s">
        <v>22</v>
      </c>
      <c r="B9" s="24">
        <v>4</v>
      </c>
      <c r="C9" s="24">
        <v>10</v>
      </c>
      <c r="D9" s="24">
        <v>7</v>
      </c>
      <c r="E9" s="24">
        <v>7</v>
      </c>
      <c r="F9" s="24">
        <v>2</v>
      </c>
      <c r="G9" s="24">
        <v>12</v>
      </c>
      <c r="H9" s="22"/>
      <c r="I9" s="22"/>
      <c r="J9" s="22"/>
      <c r="K9" s="22"/>
      <c r="L9" s="22"/>
      <c r="M9" s="22"/>
      <c r="N9" s="22"/>
    </row>
    <row r="10" spans="1:14">
      <c r="A10" s="83"/>
      <c r="B10" s="21">
        <v>0.28599999999999998</v>
      </c>
      <c r="C10" s="21">
        <v>0.71399999999999997</v>
      </c>
      <c r="D10" s="21">
        <v>0.5</v>
      </c>
      <c r="E10" s="21">
        <v>0.5</v>
      </c>
      <c r="F10" s="21">
        <v>0.14299999999999999</v>
      </c>
      <c r="G10" s="21">
        <v>0.85699999999999998</v>
      </c>
    </row>
    <row r="11" spans="1:14" s="23" customFormat="1">
      <c r="A11" s="75" t="s">
        <v>15</v>
      </c>
      <c r="B11" s="20">
        <v>1528</v>
      </c>
      <c r="C11" s="20">
        <v>4139</v>
      </c>
      <c r="D11" s="20">
        <v>3148</v>
      </c>
      <c r="E11" s="20">
        <v>2519</v>
      </c>
      <c r="F11" s="20">
        <v>706</v>
      </c>
      <c r="G11" s="20">
        <v>4961</v>
      </c>
    </row>
    <row r="12" spans="1:14">
      <c r="A12" s="83"/>
      <c r="B12" s="21">
        <v>0.27</v>
      </c>
      <c r="C12" s="21">
        <v>0.73</v>
      </c>
      <c r="D12" s="21">
        <v>0.55500000000000005</v>
      </c>
      <c r="E12" s="21">
        <v>0.44500000000000001</v>
      </c>
      <c r="F12" s="21">
        <v>0.125</v>
      </c>
      <c r="G12" s="21">
        <v>0.875</v>
      </c>
    </row>
    <row r="13" spans="1:14" ht="14.25" customHeight="1">
      <c r="B13" s="39"/>
      <c r="C13" s="39"/>
      <c r="D13" s="39"/>
      <c r="E13" s="39"/>
      <c r="F13" s="39"/>
      <c r="G13" s="39"/>
      <c r="H13" s="22"/>
      <c r="I13" s="22"/>
      <c r="J13" s="22"/>
      <c r="K13" s="22"/>
      <c r="L13" s="22"/>
      <c r="M13" s="22"/>
      <c r="N13" s="22"/>
    </row>
    <row r="14" spans="1:14" ht="32.25" customHeight="1">
      <c r="A14" s="75" t="s">
        <v>136</v>
      </c>
      <c r="B14" s="82" t="s">
        <v>160</v>
      </c>
      <c r="C14" s="82"/>
      <c r="D14" s="82" t="s">
        <v>161</v>
      </c>
      <c r="E14" s="82"/>
      <c r="F14" s="82" t="s">
        <v>162</v>
      </c>
      <c r="G14" s="82"/>
    </row>
    <row r="15" spans="1:14">
      <c r="A15" s="75"/>
      <c r="B15" s="11" t="s">
        <v>180</v>
      </c>
      <c r="C15" s="11" t="s">
        <v>181</v>
      </c>
      <c r="D15" s="11" t="s">
        <v>180</v>
      </c>
      <c r="E15" s="11" t="s">
        <v>181</v>
      </c>
      <c r="F15" s="11" t="s">
        <v>180</v>
      </c>
      <c r="G15" s="11" t="s">
        <v>181</v>
      </c>
    </row>
    <row r="16" spans="1:14">
      <c r="A16" s="75" t="s">
        <v>114</v>
      </c>
      <c r="B16" s="20">
        <v>504</v>
      </c>
      <c r="C16" s="20">
        <v>2026</v>
      </c>
      <c r="D16" s="20">
        <v>29</v>
      </c>
      <c r="E16" s="20">
        <v>2501</v>
      </c>
      <c r="F16" s="20">
        <v>112</v>
      </c>
      <c r="G16" s="20">
        <v>2418</v>
      </c>
    </row>
    <row r="17" spans="1:7">
      <c r="A17" s="75"/>
      <c r="B17" s="21">
        <v>0.19900000000000001</v>
      </c>
      <c r="C17" s="21">
        <v>0.80100000000000005</v>
      </c>
      <c r="D17" s="21">
        <v>1.0999999999999999E-2</v>
      </c>
      <c r="E17" s="21">
        <v>0.98899999999999999</v>
      </c>
      <c r="F17" s="21">
        <v>4.3999999999999997E-2</v>
      </c>
      <c r="G17" s="21">
        <v>0.95599999999999996</v>
      </c>
    </row>
    <row r="18" spans="1:7">
      <c r="A18" s="75" t="s">
        <v>115</v>
      </c>
      <c r="B18" s="20">
        <v>744</v>
      </c>
      <c r="C18" s="20">
        <v>2379</v>
      </c>
      <c r="D18" s="20">
        <v>52</v>
      </c>
      <c r="E18" s="20">
        <v>3071</v>
      </c>
      <c r="F18" s="20">
        <v>191</v>
      </c>
      <c r="G18" s="20">
        <v>2932</v>
      </c>
    </row>
    <row r="19" spans="1:7">
      <c r="A19" s="83"/>
      <c r="B19" s="21">
        <v>0.23799999999999999</v>
      </c>
      <c r="C19" s="21">
        <v>0.76200000000000001</v>
      </c>
      <c r="D19" s="21">
        <v>1.7000000000000001E-2</v>
      </c>
      <c r="E19" s="21">
        <v>0.98299999999999998</v>
      </c>
      <c r="F19" s="21">
        <v>6.0999999999999999E-2</v>
      </c>
      <c r="G19" s="21">
        <v>0.93899999999999995</v>
      </c>
    </row>
    <row r="20" spans="1:7">
      <c r="A20" s="75" t="s">
        <v>22</v>
      </c>
      <c r="B20" s="24">
        <v>1</v>
      </c>
      <c r="C20" s="24">
        <v>13</v>
      </c>
      <c r="D20" s="24">
        <v>0</v>
      </c>
      <c r="E20" s="24">
        <v>14</v>
      </c>
      <c r="F20" s="30">
        <v>0</v>
      </c>
      <c r="G20" s="30">
        <v>14</v>
      </c>
    </row>
    <row r="21" spans="1:7">
      <c r="A21" s="83"/>
      <c r="B21" s="21">
        <v>7.0999999999999994E-2</v>
      </c>
      <c r="C21" s="21">
        <v>0.92900000000000005</v>
      </c>
      <c r="D21" s="21">
        <v>0</v>
      </c>
      <c r="E21" s="21">
        <v>1</v>
      </c>
      <c r="F21" s="31">
        <v>0</v>
      </c>
      <c r="G21" s="31">
        <v>1</v>
      </c>
    </row>
    <row r="22" spans="1:7">
      <c r="A22" s="75" t="s">
        <v>15</v>
      </c>
      <c r="B22" s="20">
        <v>1249</v>
      </c>
      <c r="C22" s="20">
        <v>4418</v>
      </c>
      <c r="D22" s="20">
        <v>81</v>
      </c>
      <c r="E22" s="20">
        <v>5586</v>
      </c>
      <c r="F22" s="20">
        <v>303</v>
      </c>
      <c r="G22" s="20">
        <v>5364</v>
      </c>
    </row>
    <row r="23" spans="1:7">
      <c r="A23" s="83"/>
      <c r="B23" s="21">
        <v>0.22</v>
      </c>
      <c r="C23" s="21">
        <v>0.78</v>
      </c>
      <c r="D23" s="21">
        <v>1.4E-2</v>
      </c>
      <c r="E23" s="21">
        <v>0.98599999999999999</v>
      </c>
      <c r="F23" s="21">
        <v>5.2999999999999999E-2</v>
      </c>
      <c r="G23" s="21">
        <v>0.94699999999999995</v>
      </c>
    </row>
    <row r="25" spans="1:7" ht="29.25" customHeight="1">
      <c r="A25" s="75" t="s">
        <v>202</v>
      </c>
      <c r="B25" s="82" t="s">
        <v>163</v>
      </c>
      <c r="C25" s="82"/>
      <c r="D25" s="82" t="s">
        <v>164</v>
      </c>
      <c r="E25" s="82"/>
      <c r="F25" s="82" t="s">
        <v>165</v>
      </c>
      <c r="G25" s="82"/>
    </row>
    <row r="26" spans="1:7">
      <c r="A26" s="75"/>
      <c r="B26" s="11" t="s">
        <v>180</v>
      </c>
      <c r="C26" s="11" t="s">
        <v>181</v>
      </c>
      <c r="D26" s="11" t="s">
        <v>180</v>
      </c>
      <c r="E26" s="11" t="s">
        <v>181</v>
      </c>
      <c r="F26" s="11" t="s">
        <v>180</v>
      </c>
      <c r="G26" s="11" t="s">
        <v>181</v>
      </c>
    </row>
    <row r="27" spans="1:7">
      <c r="A27" s="75" t="s">
        <v>114</v>
      </c>
      <c r="B27" s="20">
        <v>459</v>
      </c>
      <c r="C27" s="20">
        <v>2071</v>
      </c>
      <c r="D27" s="20">
        <v>75</v>
      </c>
      <c r="E27" s="20">
        <v>2455</v>
      </c>
      <c r="F27" s="20">
        <v>312</v>
      </c>
      <c r="G27" s="20">
        <v>2218</v>
      </c>
    </row>
    <row r="28" spans="1:7">
      <c r="A28" s="75"/>
      <c r="B28" s="21">
        <v>0.18099999999999999</v>
      </c>
      <c r="C28" s="21">
        <v>0.81899999999999995</v>
      </c>
      <c r="D28" s="21">
        <v>0.03</v>
      </c>
      <c r="E28" s="21">
        <v>0.97</v>
      </c>
      <c r="F28" s="21">
        <v>0.123</v>
      </c>
      <c r="G28" s="21">
        <v>0.877</v>
      </c>
    </row>
    <row r="29" spans="1:7">
      <c r="A29" s="75" t="s">
        <v>115</v>
      </c>
      <c r="B29" s="20">
        <v>632</v>
      </c>
      <c r="C29" s="20">
        <v>2491</v>
      </c>
      <c r="D29" s="20">
        <v>112</v>
      </c>
      <c r="E29" s="20">
        <v>3011</v>
      </c>
      <c r="F29" s="20">
        <v>534</v>
      </c>
      <c r="G29" s="20">
        <v>2589</v>
      </c>
    </row>
    <row r="30" spans="1:7">
      <c r="A30" s="83"/>
      <c r="B30" s="21">
        <v>0.20200000000000001</v>
      </c>
      <c r="C30" s="21">
        <v>0.79800000000000004</v>
      </c>
      <c r="D30" s="21">
        <v>3.5999999999999997E-2</v>
      </c>
      <c r="E30" s="21">
        <v>0.96399999999999997</v>
      </c>
      <c r="F30" s="21">
        <v>0.17100000000000001</v>
      </c>
      <c r="G30" s="21">
        <v>0.82899999999999996</v>
      </c>
    </row>
    <row r="31" spans="1:7">
      <c r="A31" s="72" t="s">
        <v>22</v>
      </c>
      <c r="B31" s="30">
        <v>2</v>
      </c>
      <c r="C31" s="30">
        <v>12</v>
      </c>
      <c r="D31" s="30">
        <v>0</v>
      </c>
      <c r="E31" s="30">
        <v>14</v>
      </c>
      <c r="F31" s="30">
        <v>2</v>
      </c>
      <c r="G31" s="30">
        <v>12</v>
      </c>
    </row>
    <row r="32" spans="1:7">
      <c r="A32" s="72"/>
      <c r="B32" s="31">
        <v>0.14299999999999999</v>
      </c>
      <c r="C32" s="31">
        <v>0.85699999999999998</v>
      </c>
      <c r="D32" s="31">
        <v>0</v>
      </c>
      <c r="E32" s="31">
        <v>1</v>
      </c>
      <c r="F32" s="31">
        <v>0.14299999999999999</v>
      </c>
      <c r="G32" s="31">
        <v>0.85699999999999998</v>
      </c>
    </row>
    <row r="33" spans="1:7">
      <c r="A33" s="75" t="s">
        <v>15</v>
      </c>
      <c r="B33" s="20">
        <v>1093</v>
      </c>
      <c r="C33" s="20">
        <v>4574</v>
      </c>
      <c r="D33" s="20">
        <v>187</v>
      </c>
      <c r="E33" s="20">
        <v>5480</v>
      </c>
      <c r="F33" s="20">
        <v>848</v>
      </c>
      <c r="G33" s="20">
        <v>4819</v>
      </c>
    </row>
    <row r="34" spans="1:7">
      <c r="A34" s="83"/>
      <c r="B34" s="21">
        <v>0.193</v>
      </c>
      <c r="C34" s="21">
        <v>0.80700000000000005</v>
      </c>
      <c r="D34" s="21">
        <v>3.3000000000000002E-2</v>
      </c>
      <c r="E34" s="21">
        <v>0.96699999999999997</v>
      </c>
      <c r="F34" s="21">
        <v>0.15</v>
      </c>
      <c r="G34" s="21">
        <v>0.85</v>
      </c>
    </row>
    <row r="35" spans="1:7">
      <c r="A35" s="71" t="s">
        <v>302</v>
      </c>
      <c r="B35" s="71"/>
      <c r="C35" s="71"/>
      <c r="D35" s="71"/>
      <c r="E35" s="71"/>
      <c r="F35" s="71"/>
      <c r="G35" s="71"/>
    </row>
    <row r="36" spans="1:7">
      <c r="A36" s="81"/>
      <c r="B36" s="81"/>
      <c r="C36" s="81"/>
      <c r="D36" s="81"/>
      <c r="E36" s="81"/>
      <c r="F36" s="81"/>
      <c r="G36" s="81"/>
    </row>
  </sheetData>
  <mergeCells count="26">
    <mergeCell ref="A1:C1"/>
    <mergeCell ref="A3:A4"/>
    <mergeCell ref="B3:C3"/>
    <mergeCell ref="D3:E3"/>
    <mergeCell ref="F3:G3"/>
    <mergeCell ref="A11:A12"/>
    <mergeCell ref="D14:E14"/>
    <mergeCell ref="A5:A6"/>
    <mergeCell ref="A7:A8"/>
    <mergeCell ref="A9:A10"/>
    <mergeCell ref="B14:C14"/>
    <mergeCell ref="A14:A15"/>
    <mergeCell ref="F14:G14"/>
    <mergeCell ref="B25:C25"/>
    <mergeCell ref="D25:E25"/>
    <mergeCell ref="F25:G25"/>
    <mergeCell ref="A16:A17"/>
    <mergeCell ref="A18:A19"/>
    <mergeCell ref="A20:A21"/>
    <mergeCell ref="A22:A23"/>
    <mergeCell ref="A25:A26"/>
    <mergeCell ref="A27:A28"/>
    <mergeCell ref="A29:A30"/>
    <mergeCell ref="A31:A32"/>
    <mergeCell ref="A33:A34"/>
    <mergeCell ref="A35:G36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8"/>
  <dimension ref="A1:J1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10.875" style="18" customWidth="1"/>
    <col min="3" max="3" width="9.75" style="18" customWidth="1"/>
    <col min="4" max="16384" width="9" style="18"/>
  </cols>
  <sheetData>
    <row r="1" spans="1:10">
      <c r="A1" s="70" t="s">
        <v>293</v>
      </c>
      <c r="B1" s="70"/>
      <c r="C1" s="70"/>
    </row>
    <row r="2" spans="1:10">
      <c r="A2" s="121" t="s">
        <v>613</v>
      </c>
      <c r="B2" s="36"/>
      <c r="C2" s="36"/>
    </row>
    <row r="3" spans="1:10" ht="30.75" customHeight="1">
      <c r="A3" s="75" t="s">
        <v>202</v>
      </c>
      <c r="B3" s="82" t="s">
        <v>166</v>
      </c>
      <c r="C3" s="82"/>
    </row>
    <row r="4" spans="1:10">
      <c r="A4" s="75"/>
      <c r="B4" s="11" t="s">
        <v>180</v>
      </c>
      <c r="C4" s="11" t="s">
        <v>181</v>
      </c>
    </row>
    <row r="5" spans="1:10">
      <c r="A5" s="75" t="s">
        <v>114</v>
      </c>
      <c r="B5" s="20">
        <v>57</v>
      </c>
      <c r="C5" s="20">
        <v>2473</v>
      </c>
    </row>
    <row r="6" spans="1:10">
      <c r="A6" s="75"/>
      <c r="B6" s="21">
        <v>2.3E-2</v>
      </c>
      <c r="C6" s="21">
        <v>0.97699999999999998</v>
      </c>
    </row>
    <row r="7" spans="1:10" s="23" customFormat="1">
      <c r="A7" s="75" t="s">
        <v>115</v>
      </c>
      <c r="B7" s="20">
        <v>74</v>
      </c>
      <c r="C7" s="20">
        <v>3049</v>
      </c>
    </row>
    <row r="8" spans="1:10">
      <c r="A8" s="83"/>
      <c r="B8" s="21">
        <v>2.4E-2</v>
      </c>
      <c r="C8" s="21">
        <v>0.97599999999999998</v>
      </c>
    </row>
    <row r="9" spans="1:10">
      <c r="A9" s="72" t="s">
        <v>22</v>
      </c>
      <c r="B9" s="30">
        <v>0</v>
      </c>
      <c r="C9" s="30">
        <v>14</v>
      </c>
    </row>
    <row r="10" spans="1:10" s="32" customFormat="1">
      <c r="A10" s="72"/>
      <c r="B10" s="31">
        <v>0</v>
      </c>
      <c r="C10" s="31">
        <v>1</v>
      </c>
    </row>
    <row r="11" spans="1:10" s="23" customFormat="1">
      <c r="A11" s="75" t="s">
        <v>15</v>
      </c>
      <c r="B11" s="20">
        <v>131</v>
      </c>
      <c r="C11" s="20">
        <v>5536</v>
      </c>
    </row>
    <row r="12" spans="1:10">
      <c r="A12" s="83"/>
      <c r="B12" s="21">
        <v>2.3E-2</v>
      </c>
      <c r="C12" s="21">
        <v>0.97699999999999998</v>
      </c>
    </row>
    <row r="13" spans="1:10">
      <c r="A13" s="71" t="s">
        <v>300</v>
      </c>
      <c r="B13" s="71"/>
      <c r="C13" s="71"/>
      <c r="D13" s="22"/>
      <c r="E13" s="22"/>
      <c r="F13" s="22"/>
      <c r="G13" s="22"/>
      <c r="H13" s="22"/>
      <c r="I13" s="22"/>
      <c r="J13" s="22"/>
    </row>
    <row r="14" spans="1:10">
      <c r="A14" s="81"/>
      <c r="B14" s="81"/>
      <c r="C14" s="81"/>
    </row>
    <row r="15" spans="1:10">
      <c r="A15" s="81"/>
      <c r="B15" s="81"/>
      <c r="C15" s="81"/>
    </row>
    <row r="16" spans="1:10">
      <c r="A16" s="81"/>
      <c r="B16" s="81"/>
      <c r="C16" s="81"/>
    </row>
  </sheetData>
  <mergeCells count="8">
    <mergeCell ref="A13:C16"/>
    <mergeCell ref="A1:C1"/>
    <mergeCell ref="A3:A4"/>
    <mergeCell ref="A9:A10"/>
    <mergeCell ref="A11:A12"/>
    <mergeCell ref="B3:C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P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9.375" style="18" customWidth="1"/>
    <col min="3" max="4" width="9.5" style="18" bestFit="1" customWidth="1"/>
    <col min="5" max="6" width="8.875" style="18" customWidth="1"/>
    <col min="7" max="11" width="9" style="18"/>
    <col min="12" max="13" width="9.75" style="18" customWidth="1"/>
    <col min="14" max="14" width="10" style="18" customWidth="1"/>
    <col min="15" max="16384" width="9" style="18"/>
  </cols>
  <sheetData>
    <row r="1" spans="1:16">
      <c r="A1" s="70" t="s">
        <v>30</v>
      </c>
      <c r="B1" s="70"/>
      <c r="C1" s="70"/>
      <c r="D1" s="70"/>
      <c r="E1" s="70"/>
      <c r="F1" s="70"/>
    </row>
    <row r="2" spans="1:16">
      <c r="A2" s="121" t="s">
        <v>613</v>
      </c>
      <c r="B2" s="36"/>
      <c r="C2" s="36"/>
      <c r="D2" s="36"/>
      <c r="E2" s="36"/>
      <c r="F2" s="36"/>
    </row>
    <row r="3" spans="1:16">
      <c r="A3" s="75" t="s">
        <v>6</v>
      </c>
      <c r="B3" s="76" t="s">
        <v>31</v>
      </c>
      <c r="C3" s="76"/>
      <c r="D3" s="76"/>
      <c r="E3" s="76"/>
      <c r="F3" s="76"/>
    </row>
    <row r="4" spans="1:16" ht="28.15" customHeight="1">
      <c r="A4" s="75"/>
      <c r="B4" s="13" t="s">
        <v>26</v>
      </c>
      <c r="C4" s="13" t="s">
        <v>220</v>
      </c>
      <c r="D4" s="13" t="s">
        <v>221</v>
      </c>
      <c r="E4" s="13" t="s">
        <v>22</v>
      </c>
      <c r="F4" s="11" t="s">
        <v>15</v>
      </c>
    </row>
    <row r="5" spans="1:16">
      <c r="A5" s="73" t="s">
        <v>7</v>
      </c>
      <c r="B5" s="20">
        <v>702</v>
      </c>
      <c r="C5" s="20">
        <v>1524</v>
      </c>
      <c r="D5" s="20">
        <v>284</v>
      </c>
      <c r="E5" s="20">
        <v>7</v>
      </c>
      <c r="F5" s="20">
        <v>2517</v>
      </c>
    </row>
    <row r="6" spans="1:16">
      <c r="A6" s="77"/>
      <c r="B6" s="21">
        <v>0.27900000000000003</v>
      </c>
      <c r="C6" s="21">
        <v>0.60499999999999998</v>
      </c>
      <c r="D6" s="21">
        <v>0.113</v>
      </c>
      <c r="E6" s="21">
        <v>3.0000000000000001E-3</v>
      </c>
      <c r="F6" s="21">
        <v>1</v>
      </c>
      <c r="L6" s="22"/>
      <c r="M6" s="22"/>
      <c r="N6" s="22"/>
      <c r="O6" s="22"/>
      <c r="P6" s="22"/>
    </row>
    <row r="7" spans="1:16">
      <c r="A7" s="73" t="s">
        <v>8</v>
      </c>
      <c r="B7" s="24">
        <v>148</v>
      </c>
      <c r="C7" s="24">
        <v>324</v>
      </c>
      <c r="D7" s="24">
        <v>55</v>
      </c>
      <c r="E7" s="24">
        <v>2</v>
      </c>
      <c r="F7" s="20">
        <v>529</v>
      </c>
      <c r="K7" s="22"/>
      <c r="L7" s="22"/>
      <c r="M7" s="22"/>
      <c r="N7" s="22"/>
      <c r="O7" s="22"/>
    </row>
    <row r="8" spans="1:16">
      <c r="A8" s="74"/>
      <c r="B8" s="21">
        <v>0.28000000000000003</v>
      </c>
      <c r="C8" s="21">
        <v>0.61199999999999999</v>
      </c>
      <c r="D8" s="21">
        <v>0.104</v>
      </c>
      <c r="E8" s="21">
        <v>4.0000000000000001E-3</v>
      </c>
      <c r="F8" s="21">
        <v>1</v>
      </c>
      <c r="L8" s="22"/>
      <c r="M8" s="22"/>
      <c r="N8" s="22"/>
      <c r="O8" s="22"/>
      <c r="P8" s="22"/>
    </row>
    <row r="9" spans="1:16">
      <c r="A9" s="73" t="s">
        <v>9</v>
      </c>
      <c r="B9" s="24">
        <v>287</v>
      </c>
      <c r="C9" s="24">
        <v>519</v>
      </c>
      <c r="D9" s="24">
        <v>108</v>
      </c>
      <c r="E9" s="24">
        <v>2</v>
      </c>
      <c r="F9" s="24">
        <v>916</v>
      </c>
      <c r="K9" s="22"/>
      <c r="L9" s="22"/>
      <c r="M9" s="22"/>
      <c r="N9" s="22"/>
      <c r="O9" s="22"/>
    </row>
    <row r="10" spans="1:16">
      <c r="A10" s="74"/>
      <c r="B10" s="21">
        <v>0.313</v>
      </c>
      <c r="C10" s="21">
        <v>0.56699999999999995</v>
      </c>
      <c r="D10" s="21">
        <v>0.11799999999999999</v>
      </c>
      <c r="E10" s="21">
        <v>2E-3</v>
      </c>
      <c r="F10" s="21">
        <v>1</v>
      </c>
      <c r="L10" s="22"/>
      <c r="M10" s="22"/>
      <c r="N10" s="22"/>
      <c r="O10" s="22"/>
      <c r="P10" s="22"/>
    </row>
    <row r="11" spans="1:16">
      <c r="A11" s="78" t="s">
        <v>10</v>
      </c>
      <c r="B11" s="24">
        <v>67</v>
      </c>
      <c r="C11" s="24">
        <v>158</v>
      </c>
      <c r="D11" s="24">
        <v>42</v>
      </c>
      <c r="E11" s="24">
        <v>0</v>
      </c>
      <c r="F11" s="24">
        <v>267</v>
      </c>
      <c r="K11" s="22"/>
      <c r="L11" s="22"/>
      <c r="M11" s="22"/>
      <c r="N11" s="22"/>
      <c r="O11" s="22"/>
    </row>
    <row r="12" spans="1:16">
      <c r="A12" s="79"/>
      <c r="B12" s="21">
        <v>0.251</v>
      </c>
      <c r="C12" s="21">
        <v>0.59199999999999997</v>
      </c>
      <c r="D12" s="21">
        <v>0.157</v>
      </c>
      <c r="E12" s="21">
        <v>0</v>
      </c>
      <c r="F12" s="21">
        <v>1</v>
      </c>
      <c r="L12" s="22"/>
      <c r="M12" s="22"/>
      <c r="N12" s="22"/>
      <c r="O12" s="22"/>
      <c r="P12" s="22"/>
    </row>
    <row r="13" spans="1:16">
      <c r="A13" s="73" t="s">
        <v>11</v>
      </c>
      <c r="B13" s="24">
        <v>65</v>
      </c>
      <c r="C13" s="24">
        <v>149</v>
      </c>
      <c r="D13" s="24">
        <v>23</v>
      </c>
      <c r="E13" s="24">
        <v>0</v>
      </c>
      <c r="F13" s="24">
        <v>237</v>
      </c>
      <c r="K13" s="22"/>
      <c r="L13" s="22"/>
      <c r="M13" s="22"/>
      <c r="N13" s="22"/>
      <c r="O13" s="22"/>
    </row>
    <row r="14" spans="1:16">
      <c r="A14" s="74"/>
      <c r="B14" s="21">
        <v>0.27400000000000002</v>
      </c>
      <c r="C14" s="21">
        <v>0.629</v>
      </c>
      <c r="D14" s="21">
        <v>9.7000000000000003E-2</v>
      </c>
      <c r="E14" s="21">
        <v>0</v>
      </c>
      <c r="F14" s="21">
        <v>1</v>
      </c>
      <c r="L14" s="22"/>
      <c r="M14" s="22"/>
      <c r="N14" s="22"/>
      <c r="O14" s="22"/>
      <c r="P14" s="22"/>
    </row>
    <row r="15" spans="1:16">
      <c r="A15" s="73" t="s">
        <v>12</v>
      </c>
      <c r="B15" s="24">
        <v>67</v>
      </c>
      <c r="C15" s="24">
        <v>136</v>
      </c>
      <c r="D15" s="24">
        <v>28</v>
      </c>
      <c r="E15" s="24">
        <v>0</v>
      </c>
      <c r="F15" s="24">
        <v>231</v>
      </c>
      <c r="K15" s="22"/>
      <c r="L15" s="22"/>
      <c r="M15" s="22"/>
      <c r="N15" s="22"/>
      <c r="O15" s="22"/>
    </row>
    <row r="16" spans="1:16">
      <c r="A16" s="74"/>
      <c r="B16" s="21">
        <v>0.28999999999999998</v>
      </c>
      <c r="C16" s="21">
        <v>0.58899999999999997</v>
      </c>
      <c r="D16" s="21">
        <v>0.121</v>
      </c>
      <c r="E16" s="21">
        <v>0</v>
      </c>
      <c r="F16" s="21">
        <v>1</v>
      </c>
      <c r="L16" s="22"/>
      <c r="M16" s="22"/>
      <c r="N16" s="22"/>
      <c r="O16" s="22"/>
      <c r="P16" s="22"/>
    </row>
    <row r="17" spans="1:16">
      <c r="A17" s="73" t="s">
        <v>13</v>
      </c>
      <c r="B17" s="24">
        <v>351</v>
      </c>
      <c r="C17" s="24">
        <v>652</v>
      </c>
      <c r="D17" s="24">
        <v>142</v>
      </c>
      <c r="E17" s="24">
        <v>1</v>
      </c>
      <c r="F17" s="24">
        <v>1146</v>
      </c>
      <c r="K17" s="22"/>
      <c r="L17" s="22"/>
      <c r="M17" s="22"/>
      <c r="N17" s="22"/>
      <c r="O17" s="22"/>
    </row>
    <row r="18" spans="1:16">
      <c r="A18" s="74"/>
      <c r="B18" s="21">
        <v>0.30599999999999999</v>
      </c>
      <c r="C18" s="21">
        <v>0.56899999999999995</v>
      </c>
      <c r="D18" s="21">
        <v>0.124</v>
      </c>
      <c r="E18" s="21">
        <v>1E-3</v>
      </c>
      <c r="F18" s="21">
        <v>1</v>
      </c>
      <c r="L18" s="22"/>
      <c r="M18" s="22"/>
      <c r="N18" s="22"/>
      <c r="O18" s="22"/>
      <c r="P18" s="22"/>
    </row>
    <row r="19" spans="1:16">
      <c r="A19" s="73" t="s">
        <v>14</v>
      </c>
      <c r="B19" s="24">
        <v>63</v>
      </c>
      <c r="C19" s="24">
        <v>98</v>
      </c>
      <c r="D19" s="24">
        <v>17</v>
      </c>
      <c r="E19" s="24">
        <v>1</v>
      </c>
      <c r="F19" s="24">
        <v>179</v>
      </c>
      <c r="K19" s="22"/>
      <c r="L19" s="22"/>
      <c r="M19" s="22"/>
      <c r="N19" s="22"/>
      <c r="O19" s="22"/>
    </row>
    <row r="20" spans="1:16">
      <c r="A20" s="74"/>
      <c r="B20" s="21">
        <v>0.35199999999999998</v>
      </c>
      <c r="C20" s="21">
        <v>0.54700000000000004</v>
      </c>
      <c r="D20" s="21">
        <v>9.5000000000000001E-2</v>
      </c>
      <c r="E20" s="21">
        <v>6.0000000000000001E-3</v>
      </c>
      <c r="F20" s="21">
        <v>1</v>
      </c>
      <c r="L20" s="22"/>
      <c r="M20" s="22"/>
      <c r="N20" s="22"/>
      <c r="O20" s="22"/>
      <c r="P20" s="22"/>
    </row>
    <row r="21" spans="1:16">
      <c r="A21" s="72" t="s">
        <v>22</v>
      </c>
      <c r="B21" s="34">
        <v>17</v>
      </c>
      <c r="C21" s="34">
        <v>26</v>
      </c>
      <c r="D21" s="34">
        <v>5</v>
      </c>
      <c r="E21" s="34">
        <v>0</v>
      </c>
      <c r="F21" s="34">
        <v>48</v>
      </c>
      <c r="K21" s="22"/>
      <c r="L21" s="22"/>
      <c r="M21" s="22"/>
      <c r="N21" s="22"/>
      <c r="O21" s="22"/>
    </row>
    <row r="22" spans="1:16" s="26" customFormat="1">
      <c r="A22" s="72"/>
      <c r="B22" s="33">
        <v>0.35399999999999998</v>
      </c>
      <c r="C22" s="33">
        <v>0.54200000000000004</v>
      </c>
      <c r="D22" s="33">
        <v>0.104</v>
      </c>
      <c r="E22" s="33">
        <v>0</v>
      </c>
      <c r="F22" s="33">
        <v>1</v>
      </c>
    </row>
    <row r="23" spans="1:16" s="23" customFormat="1" ht="13.9" customHeight="1">
      <c r="A23" s="73" t="s">
        <v>15</v>
      </c>
      <c r="B23" s="20">
        <v>1767</v>
      </c>
      <c r="C23" s="20">
        <v>3586</v>
      </c>
      <c r="D23" s="20">
        <v>704</v>
      </c>
      <c r="E23" s="20">
        <v>13</v>
      </c>
      <c r="F23" s="20">
        <v>6070</v>
      </c>
    </row>
    <row r="24" spans="1:16">
      <c r="A24" s="74"/>
      <c r="B24" s="21">
        <v>0.29099999999999998</v>
      </c>
      <c r="C24" s="21">
        <v>0.59099999999999997</v>
      </c>
      <c r="D24" s="21">
        <v>0.11600000000000001</v>
      </c>
      <c r="E24" s="21">
        <v>2E-3</v>
      </c>
      <c r="F24" s="21">
        <v>1</v>
      </c>
      <c r="L24" s="22"/>
      <c r="M24" s="22"/>
      <c r="N24" s="22"/>
      <c r="O24" s="22"/>
      <c r="P24" s="22"/>
    </row>
    <row r="25" spans="1:16" ht="31.15" customHeight="1">
      <c r="A25" s="80" t="s">
        <v>32</v>
      </c>
      <c r="B25" s="80"/>
      <c r="C25" s="80"/>
      <c r="D25" s="80"/>
      <c r="E25" s="80"/>
      <c r="F25" s="80"/>
      <c r="K25" s="22"/>
      <c r="L25" s="22"/>
      <c r="M25" s="22"/>
      <c r="N25" s="22"/>
      <c r="O25" s="22"/>
    </row>
    <row r="26" spans="1:16">
      <c r="A26" s="25"/>
      <c r="B26" s="25"/>
      <c r="C26" s="25"/>
      <c r="D26" s="25"/>
      <c r="E26" s="25"/>
      <c r="F26" s="25"/>
      <c r="L26" s="22"/>
      <c r="M26" s="22"/>
      <c r="N26" s="22"/>
      <c r="O26" s="22"/>
      <c r="P26" s="22"/>
    </row>
  </sheetData>
  <mergeCells count="14">
    <mergeCell ref="A23:A24"/>
    <mergeCell ref="A25:F25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8"/>
  <dimension ref="A1:Q25"/>
  <sheetViews>
    <sheetView workbookViewId="0">
      <selection activeCell="A2" sqref="A2"/>
    </sheetView>
  </sheetViews>
  <sheetFormatPr defaultColWidth="9" defaultRowHeight="14.25"/>
  <cols>
    <col min="1" max="5" width="9" style="18" customWidth="1"/>
    <col min="6" max="16384" width="9" style="18"/>
  </cols>
  <sheetData>
    <row r="1" spans="1:17">
      <c r="A1" s="70" t="s">
        <v>294</v>
      </c>
      <c r="B1" s="70"/>
      <c r="C1" s="70"/>
      <c r="D1" s="70"/>
      <c r="E1" s="70"/>
    </row>
    <row r="2" spans="1:17">
      <c r="A2" s="121" t="s">
        <v>613</v>
      </c>
      <c r="B2" s="36"/>
      <c r="C2" s="36"/>
      <c r="D2" s="36"/>
      <c r="E2" s="36"/>
    </row>
    <row r="3" spans="1:17">
      <c r="A3" s="75" t="s">
        <v>136</v>
      </c>
      <c r="B3" s="76" t="s">
        <v>124</v>
      </c>
      <c r="C3" s="76"/>
      <c r="D3" s="76"/>
      <c r="E3" s="76"/>
    </row>
    <row r="4" spans="1:17" ht="28.15" customHeight="1">
      <c r="A4" s="75"/>
      <c r="B4" s="11" t="s">
        <v>183</v>
      </c>
      <c r="C4" s="11" t="s">
        <v>87</v>
      </c>
      <c r="D4" s="11" t="s">
        <v>22</v>
      </c>
      <c r="E4" s="11" t="s">
        <v>15</v>
      </c>
    </row>
    <row r="5" spans="1:17">
      <c r="A5" s="73" t="s">
        <v>114</v>
      </c>
      <c r="B5" s="20">
        <v>1640</v>
      </c>
      <c r="C5" s="20">
        <v>1109</v>
      </c>
      <c r="D5" s="20">
        <v>11</v>
      </c>
      <c r="E5" s="20">
        <v>2760</v>
      </c>
    </row>
    <row r="6" spans="1:17">
      <c r="A6" s="77"/>
      <c r="B6" s="21">
        <v>0.59399999999999997</v>
      </c>
      <c r="C6" s="21">
        <v>0.40200000000000002</v>
      </c>
      <c r="D6" s="21">
        <v>4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15</v>
      </c>
      <c r="B7" s="20">
        <v>2353</v>
      </c>
      <c r="C7" s="20">
        <v>932</v>
      </c>
      <c r="D7" s="20">
        <v>9</v>
      </c>
      <c r="E7" s="20">
        <v>3294</v>
      </c>
    </row>
    <row r="8" spans="1:17">
      <c r="A8" s="74"/>
      <c r="B8" s="21">
        <v>0.71399999999999997</v>
      </c>
      <c r="C8" s="21">
        <v>0.28299999999999997</v>
      </c>
      <c r="D8" s="21">
        <v>3.0000000000000001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3" t="s">
        <v>22</v>
      </c>
      <c r="B9" s="24">
        <v>12</v>
      </c>
      <c r="C9" s="24">
        <v>4</v>
      </c>
      <c r="D9" s="24">
        <v>0</v>
      </c>
      <c r="E9" s="24">
        <v>16</v>
      </c>
      <c r="J9" s="22"/>
      <c r="K9" s="22"/>
      <c r="L9" s="22"/>
      <c r="M9" s="22"/>
      <c r="N9" s="22"/>
    </row>
    <row r="10" spans="1:17">
      <c r="A10" s="74"/>
      <c r="B10" s="21">
        <v>0.75</v>
      </c>
      <c r="C10" s="21">
        <v>0.25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 s="23" customFormat="1">
      <c r="A11" s="78" t="s">
        <v>15</v>
      </c>
      <c r="B11" s="20">
        <v>4005</v>
      </c>
      <c r="C11" s="20">
        <v>2045</v>
      </c>
      <c r="D11" s="20">
        <v>20</v>
      </c>
      <c r="E11" s="20">
        <v>6070</v>
      </c>
    </row>
    <row r="12" spans="1:17">
      <c r="A12" s="79"/>
      <c r="B12" s="21">
        <v>0.66</v>
      </c>
      <c r="C12" s="21">
        <v>0.33700000000000002</v>
      </c>
      <c r="D12" s="21">
        <v>3.0000000000000001E-3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ht="13.9" customHeight="1">
      <c r="A13" s="71" t="s">
        <v>225</v>
      </c>
      <c r="B13" s="71"/>
      <c r="C13" s="71"/>
      <c r="D13" s="71"/>
      <c r="E13" s="71"/>
      <c r="J13" s="22"/>
      <c r="K13" s="22"/>
      <c r="L13" s="22"/>
      <c r="M13" s="22"/>
      <c r="N13" s="22"/>
    </row>
    <row r="14" spans="1:17" ht="13.9" customHeight="1">
      <c r="A14" s="81"/>
      <c r="B14" s="81"/>
      <c r="C14" s="81"/>
      <c r="D14" s="81"/>
      <c r="E14" s="81"/>
      <c r="J14" s="22"/>
      <c r="K14" s="22"/>
      <c r="L14" s="22"/>
      <c r="M14" s="22"/>
      <c r="N14" s="22"/>
      <c r="O14" s="22"/>
      <c r="P14" s="22"/>
      <c r="Q14" s="22"/>
    </row>
    <row r="15" spans="1:17">
      <c r="J15" s="22"/>
      <c r="K15" s="22"/>
      <c r="L15" s="22"/>
      <c r="M15" s="22"/>
      <c r="N15" s="22"/>
    </row>
    <row r="16" spans="1:17">
      <c r="J16" s="22"/>
      <c r="K16" s="22"/>
      <c r="L16" s="22"/>
      <c r="M16" s="22"/>
      <c r="N16" s="22"/>
      <c r="O16" s="22"/>
      <c r="P16" s="22"/>
      <c r="Q16" s="22"/>
    </row>
    <row r="17" spans="10:17">
      <c r="J17" s="22"/>
      <c r="K17" s="22"/>
      <c r="L17" s="22"/>
      <c r="M17" s="22"/>
      <c r="N17" s="22"/>
    </row>
    <row r="18" spans="10:17">
      <c r="J18" s="22"/>
      <c r="K18" s="22"/>
      <c r="L18" s="22"/>
      <c r="M18" s="22"/>
      <c r="N18" s="22"/>
      <c r="O18" s="22"/>
      <c r="P18" s="22"/>
      <c r="Q18" s="22"/>
    </row>
    <row r="19" spans="10:17">
      <c r="J19" s="22"/>
      <c r="K19" s="22"/>
      <c r="L19" s="22"/>
      <c r="M19" s="22"/>
      <c r="N19" s="22"/>
    </row>
    <row r="20" spans="10:17">
      <c r="J20" s="22"/>
      <c r="K20" s="22"/>
      <c r="L20" s="22"/>
      <c r="M20" s="22"/>
      <c r="N20" s="22"/>
      <c r="O20" s="22"/>
      <c r="P20" s="22"/>
      <c r="Q20" s="22"/>
    </row>
    <row r="21" spans="10:17">
      <c r="J21" s="22"/>
      <c r="K21" s="22"/>
      <c r="L21" s="22"/>
      <c r="M21" s="22"/>
      <c r="N21" s="22"/>
    </row>
    <row r="22" spans="10:17">
      <c r="J22" s="22"/>
      <c r="K22" s="22"/>
      <c r="L22" s="22"/>
      <c r="M22" s="22"/>
      <c r="N22" s="22"/>
      <c r="O22" s="22"/>
      <c r="P22" s="22"/>
      <c r="Q22" s="22"/>
    </row>
    <row r="23" spans="10:17" ht="13.9" customHeight="1">
      <c r="J23" s="22"/>
      <c r="K23" s="22"/>
      <c r="L23" s="22"/>
      <c r="M23" s="22"/>
      <c r="N23" s="22"/>
    </row>
    <row r="24" spans="10:17">
      <c r="J24" s="22"/>
      <c r="K24" s="22"/>
      <c r="L24" s="22"/>
      <c r="M24" s="22"/>
      <c r="N24" s="22"/>
      <c r="O24" s="22"/>
      <c r="P24" s="22"/>
      <c r="Q24" s="22"/>
    </row>
    <row r="25" spans="10:17">
      <c r="J25" s="22"/>
      <c r="K25" s="22"/>
      <c r="L25" s="22"/>
      <c r="M25" s="22"/>
      <c r="N25" s="22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0"/>
  <dimension ref="A1:S25"/>
  <sheetViews>
    <sheetView workbookViewId="0">
      <selection activeCell="A2" sqref="A2"/>
    </sheetView>
  </sheetViews>
  <sheetFormatPr defaultColWidth="9" defaultRowHeight="14.25"/>
  <cols>
    <col min="1" max="7" width="9" style="18" customWidth="1"/>
    <col min="8" max="16384" width="9" style="18"/>
  </cols>
  <sheetData>
    <row r="1" spans="1:19">
      <c r="A1" s="70" t="s">
        <v>313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75" t="s">
        <v>136</v>
      </c>
      <c r="B3" s="76" t="s">
        <v>126</v>
      </c>
      <c r="C3" s="76"/>
      <c r="D3" s="76"/>
      <c r="E3" s="76"/>
      <c r="F3" s="76"/>
      <c r="G3" s="76"/>
    </row>
    <row r="4" spans="1:19" ht="28.5">
      <c r="A4" s="75"/>
      <c r="B4" s="11" t="s">
        <v>94</v>
      </c>
      <c r="C4" s="11" t="s">
        <v>95</v>
      </c>
      <c r="D4" s="11" t="s">
        <v>96</v>
      </c>
      <c r="E4" s="11" t="s">
        <v>97</v>
      </c>
      <c r="F4" s="11" t="s">
        <v>22</v>
      </c>
      <c r="G4" s="11" t="s">
        <v>15</v>
      </c>
    </row>
    <row r="5" spans="1:19">
      <c r="A5" s="73" t="s">
        <v>114</v>
      </c>
      <c r="B5" s="20">
        <v>123</v>
      </c>
      <c r="C5" s="20">
        <v>532</v>
      </c>
      <c r="D5" s="20">
        <v>864</v>
      </c>
      <c r="E5" s="20">
        <v>1232</v>
      </c>
      <c r="F5" s="20">
        <v>9</v>
      </c>
      <c r="G5" s="20">
        <v>2760</v>
      </c>
    </row>
    <row r="6" spans="1:19">
      <c r="A6" s="77"/>
      <c r="B6" s="21">
        <v>4.4999999999999998E-2</v>
      </c>
      <c r="C6" s="21">
        <v>0.193</v>
      </c>
      <c r="D6" s="21">
        <v>0.313</v>
      </c>
      <c r="E6" s="21">
        <v>0.44600000000000001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3" t="s">
        <v>115</v>
      </c>
      <c r="B7" s="20">
        <v>311</v>
      </c>
      <c r="C7" s="20">
        <v>892</v>
      </c>
      <c r="D7" s="20">
        <v>959</v>
      </c>
      <c r="E7" s="20">
        <v>1122</v>
      </c>
      <c r="F7" s="20">
        <v>10</v>
      </c>
      <c r="G7" s="20">
        <v>3294</v>
      </c>
    </row>
    <row r="8" spans="1:19">
      <c r="A8" s="74"/>
      <c r="B8" s="21">
        <v>9.4E-2</v>
      </c>
      <c r="C8" s="21">
        <v>0.27100000000000002</v>
      </c>
      <c r="D8" s="21">
        <v>0.29099999999999998</v>
      </c>
      <c r="E8" s="21">
        <v>0.34100000000000003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3" t="s">
        <v>22</v>
      </c>
      <c r="B9" s="24">
        <v>1</v>
      </c>
      <c r="C9" s="24">
        <v>0</v>
      </c>
      <c r="D9" s="24">
        <v>8</v>
      </c>
      <c r="E9" s="24">
        <v>7</v>
      </c>
      <c r="F9" s="24">
        <v>0</v>
      </c>
      <c r="G9" s="24">
        <v>16</v>
      </c>
      <c r="L9" s="22"/>
      <c r="M9" s="22"/>
      <c r="N9" s="22"/>
      <c r="O9" s="22"/>
      <c r="P9" s="22"/>
    </row>
    <row r="10" spans="1:19">
      <c r="A10" s="74"/>
      <c r="B10" s="21">
        <v>6.3E-2</v>
      </c>
      <c r="C10" s="21">
        <v>0</v>
      </c>
      <c r="D10" s="21">
        <v>0.5</v>
      </c>
      <c r="E10" s="21">
        <v>0.438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8" t="s">
        <v>15</v>
      </c>
      <c r="B11" s="20">
        <v>435</v>
      </c>
      <c r="C11" s="20">
        <v>1424</v>
      </c>
      <c r="D11" s="20">
        <v>1831</v>
      </c>
      <c r="E11" s="20">
        <v>2361</v>
      </c>
      <c r="F11" s="20">
        <v>19</v>
      </c>
      <c r="G11" s="20">
        <v>6070</v>
      </c>
    </row>
    <row r="12" spans="1:19">
      <c r="A12" s="79"/>
      <c r="B12" s="21">
        <v>7.1999999999999995E-2</v>
      </c>
      <c r="C12" s="21">
        <v>0.23499999999999999</v>
      </c>
      <c r="D12" s="21">
        <v>0.30199999999999999</v>
      </c>
      <c r="E12" s="21">
        <v>0.38900000000000001</v>
      </c>
      <c r="F12" s="21">
        <v>3.0000000000000001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71" t="s">
        <v>217</v>
      </c>
      <c r="B13" s="71"/>
      <c r="C13" s="71"/>
      <c r="D13" s="71"/>
      <c r="E13" s="71"/>
      <c r="F13" s="71"/>
      <c r="G13" s="71"/>
      <c r="L13" s="22"/>
      <c r="M13" s="22"/>
      <c r="N13" s="22"/>
      <c r="O13" s="22"/>
      <c r="P13" s="22"/>
    </row>
    <row r="14" spans="1:19">
      <c r="A14" s="81"/>
      <c r="B14" s="81"/>
      <c r="C14" s="81"/>
      <c r="D14" s="81"/>
      <c r="E14" s="81"/>
      <c r="F14" s="81"/>
      <c r="G14" s="81"/>
      <c r="L14" s="22"/>
      <c r="M14" s="22"/>
      <c r="N14" s="22"/>
      <c r="O14" s="22"/>
      <c r="P14" s="22"/>
      <c r="Q14" s="22"/>
      <c r="R14" s="22"/>
      <c r="S14" s="22"/>
    </row>
    <row r="15" spans="1:19">
      <c r="L15" s="22"/>
      <c r="M15" s="22"/>
      <c r="N15" s="22"/>
      <c r="O15" s="22"/>
      <c r="P15" s="22"/>
    </row>
    <row r="16" spans="1:19">
      <c r="L16" s="22"/>
      <c r="M16" s="22"/>
      <c r="N16" s="22"/>
      <c r="O16" s="22"/>
      <c r="P16" s="22"/>
      <c r="Q16" s="22"/>
      <c r="R16" s="22"/>
      <c r="S16" s="22"/>
    </row>
    <row r="17" spans="12:19">
      <c r="L17" s="22"/>
      <c r="M17" s="22"/>
      <c r="N17" s="22"/>
      <c r="O17" s="22"/>
      <c r="P17" s="22"/>
    </row>
    <row r="18" spans="12:19">
      <c r="L18" s="22"/>
      <c r="M18" s="22"/>
      <c r="N18" s="22"/>
      <c r="O18" s="22"/>
      <c r="P18" s="22"/>
      <c r="Q18" s="22"/>
      <c r="R18" s="22"/>
      <c r="S18" s="22"/>
    </row>
    <row r="19" spans="12:19">
      <c r="L19" s="22"/>
      <c r="M19" s="22"/>
      <c r="N19" s="22"/>
      <c r="O19" s="22"/>
      <c r="P19" s="22"/>
    </row>
    <row r="20" spans="12:19">
      <c r="L20" s="22"/>
      <c r="M20" s="22"/>
      <c r="N20" s="22"/>
      <c r="O20" s="22"/>
      <c r="P20" s="22"/>
      <c r="Q20" s="22"/>
      <c r="R20" s="22"/>
      <c r="S20" s="22"/>
    </row>
    <row r="21" spans="12:19">
      <c r="L21" s="22"/>
      <c r="M21" s="22"/>
      <c r="N21" s="22"/>
      <c r="O21" s="22"/>
      <c r="P21" s="22"/>
    </row>
    <row r="22" spans="12:19">
      <c r="L22" s="22"/>
      <c r="M22" s="22"/>
      <c r="N22" s="22"/>
      <c r="O22" s="22"/>
      <c r="P22" s="22"/>
      <c r="Q22" s="22"/>
      <c r="R22" s="22"/>
      <c r="S22" s="22"/>
    </row>
    <row r="23" spans="12:19">
      <c r="L23" s="22"/>
      <c r="M23" s="22"/>
      <c r="N23" s="22"/>
      <c r="O23" s="22"/>
      <c r="P23" s="22"/>
    </row>
    <row r="24" spans="12:19">
      <c r="L24" s="22"/>
      <c r="M24" s="22"/>
      <c r="N24" s="22"/>
      <c r="O24" s="22"/>
      <c r="P24" s="22"/>
      <c r="Q24" s="22"/>
      <c r="R24" s="22"/>
      <c r="S24" s="22"/>
    </row>
    <row r="25" spans="12:19">
      <c r="L25" s="22"/>
      <c r="M25" s="22"/>
      <c r="N25" s="22"/>
      <c r="O25" s="22"/>
      <c r="P25" s="22"/>
    </row>
  </sheetData>
  <mergeCells count="8">
    <mergeCell ref="A11:A12"/>
    <mergeCell ref="A13:G14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1"/>
  <dimension ref="A1:R25"/>
  <sheetViews>
    <sheetView workbookViewId="0">
      <selection activeCell="A2" sqref="A2"/>
    </sheetView>
  </sheetViews>
  <sheetFormatPr defaultColWidth="9" defaultRowHeight="14.25"/>
  <cols>
    <col min="1" max="6" width="9" style="18" customWidth="1"/>
    <col min="7" max="16384" width="9" style="18"/>
  </cols>
  <sheetData>
    <row r="1" spans="1:18">
      <c r="A1" s="70" t="s">
        <v>314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136</v>
      </c>
      <c r="B3" s="76" t="s">
        <v>127</v>
      </c>
      <c r="C3" s="76"/>
      <c r="D3" s="76"/>
      <c r="E3" s="76"/>
      <c r="F3" s="76"/>
    </row>
    <row r="4" spans="1:18" ht="28.5">
      <c r="A4" s="75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8">
      <c r="A5" s="73" t="s">
        <v>114</v>
      </c>
      <c r="B5" s="20">
        <v>245</v>
      </c>
      <c r="C5" s="20">
        <v>448</v>
      </c>
      <c r="D5" s="20">
        <v>2050</v>
      </c>
      <c r="E5" s="20">
        <v>17</v>
      </c>
      <c r="F5" s="20">
        <v>2760</v>
      </c>
    </row>
    <row r="6" spans="1:18">
      <c r="A6" s="77"/>
      <c r="B6" s="21">
        <v>8.8999999999999996E-2</v>
      </c>
      <c r="C6" s="21">
        <v>0.16200000000000001</v>
      </c>
      <c r="D6" s="21">
        <v>0.74299999999999999</v>
      </c>
      <c r="E6" s="21">
        <v>6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15</v>
      </c>
      <c r="B7" s="20">
        <v>346</v>
      </c>
      <c r="C7" s="20">
        <v>671</v>
      </c>
      <c r="D7" s="20">
        <v>2260</v>
      </c>
      <c r="E7" s="20">
        <v>17</v>
      </c>
      <c r="F7" s="20">
        <v>3294</v>
      </c>
    </row>
    <row r="8" spans="1:18">
      <c r="A8" s="74"/>
      <c r="B8" s="21">
        <v>0.105</v>
      </c>
      <c r="C8" s="21">
        <v>0.20399999999999999</v>
      </c>
      <c r="D8" s="21">
        <v>0.68600000000000005</v>
      </c>
      <c r="E8" s="21">
        <v>5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2</v>
      </c>
      <c r="B9" s="24">
        <v>2</v>
      </c>
      <c r="C9" s="24">
        <v>4</v>
      </c>
      <c r="D9" s="24">
        <v>10</v>
      </c>
      <c r="E9" s="24">
        <v>0</v>
      </c>
      <c r="F9" s="24">
        <v>16</v>
      </c>
      <c r="K9" s="22"/>
      <c r="L9" s="22"/>
      <c r="M9" s="22"/>
      <c r="N9" s="22"/>
      <c r="O9" s="22"/>
    </row>
    <row r="10" spans="1:18">
      <c r="A10" s="74"/>
      <c r="B10" s="21">
        <v>0.125</v>
      </c>
      <c r="C10" s="21">
        <v>0.25</v>
      </c>
      <c r="D10" s="21">
        <v>0.625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8" t="s">
        <v>15</v>
      </c>
      <c r="B11" s="20">
        <v>593</v>
      </c>
      <c r="C11" s="20">
        <v>1123</v>
      </c>
      <c r="D11" s="20">
        <v>4320</v>
      </c>
      <c r="E11" s="20">
        <v>34</v>
      </c>
      <c r="F11" s="20">
        <v>6070</v>
      </c>
    </row>
    <row r="12" spans="1:18">
      <c r="A12" s="79"/>
      <c r="B12" s="21">
        <v>9.8000000000000004E-2</v>
      </c>
      <c r="C12" s="21">
        <v>0.185</v>
      </c>
      <c r="D12" s="21">
        <v>0.71199999999999997</v>
      </c>
      <c r="E12" s="21">
        <v>6.0000000000000001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4.25" customHeight="1">
      <c r="A13" s="71" t="s">
        <v>227</v>
      </c>
      <c r="B13" s="71"/>
      <c r="C13" s="71"/>
      <c r="D13" s="71"/>
      <c r="E13" s="71"/>
      <c r="F13" s="71"/>
      <c r="K13" s="22"/>
      <c r="L13" s="22"/>
      <c r="M13" s="22"/>
      <c r="N13" s="22"/>
      <c r="O13" s="22"/>
    </row>
    <row r="14" spans="1:18">
      <c r="A14" s="81"/>
      <c r="B14" s="81"/>
      <c r="C14" s="81"/>
      <c r="D14" s="81"/>
      <c r="E14" s="81"/>
      <c r="F14" s="81"/>
      <c r="K14" s="22"/>
      <c r="L14" s="22"/>
      <c r="M14" s="22"/>
      <c r="N14" s="22"/>
      <c r="O14" s="22"/>
      <c r="P14" s="22"/>
      <c r="Q14" s="22"/>
      <c r="R14" s="22"/>
    </row>
    <row r="15" spans="1:18">
      <c r="A15" s="81"/>
      <c r="B15" s="81"/>
      <c r="C15" s="81"/>
      <c r="D15" s="81"/>
      <c r="E15" s="81"/>
      <c r="F15" s="81"/>
      <c r="K15" s="22"/>
      <c r="L15" s="22"/>
      <c r="M15" s="22"/>
      <c r="N15" s="22"/>
      <c r="O15" s="22"/>
    </row>
    <row r="16" spans="1:18">
      <c r="K16" s="22"/>
      <c r="L16" s="22"/>
      <c r="M16" s="22"/>
      <c r="N16" s="22"/>
      <c r="O16" s="22"/>
      <c r="P16" s="22"/>
      <c r="Q16" s="22"/>
      <c r="R16" s="22"/>
    </row>
    <row r="17" spans="11:18">
      <c r="K17" s="22"/>
      <c r="L17" s="22"/>
      <c r="M17" s="22"/>
      <c r="N17" s="22"/>
      <c r="O17" s="22"/>
    </row>
    <row r="18" spans="11:18">
      <c r="K18" s="22"/>
      <c r="L18" s="22"/>
      <c r="M18" s="22"/>
      <c r="N18" s="22"/>
      <c r="O18" s="22"/>
      <c r="P18" s="22"/>
      <c r="Q18" s="22"/>
      <c r="R18" s="22"/>
    </row>
    <row r="19" spans="11:18">
      <c r="K19" s="22"/>
      <c r="L19" s="22"/>
      <c r="M19" s="22"/>
      <c r="N19" s="22"/>
      <c r="O19" s="22"/>
    </row>
    <row r="20" spans="11:18">
      <c r="K20" s="22"/>
      <c r="L20" s="22"/>
      <c r="M20" s="22"/>
      <c r="N20" s="22"/>
      <c r="O20" s="22"/>
      <c r="P20" s="22"/>
      <c r="Q20" s="22"/>
      <c r="R20" s="22"/>
    </row>
    <row r="21" spans="11:18">
      <c r="K21" s="22"/>
      <c r="L21" s="22"/>
      <c r="M21" s="22"/>
      <c r="N21" s="22"/>
      <c r="O21" s="22"/>
    </row>
    <row r="22" spans="11:18">
      <c r="K22" s="22"/>
      <c r="L22" s="22"/>
      <c r="M22" s="22"/>
      <c r="N22" s="22"/>
      <c r="O22" s="22"/>
      <c r="P22" s="22"/>
      <c r="Q22" s="22"/>
      <c r="R22" s="22"/>
    </row>
    <row r="23" spans="11:18">
      <c r="K23" s="22"/>
      <c r="L23" s="22"/>
      <c r="M23" s="22"/>
      <c r="N23" s="22"/>
      <c r="O23" s="22"/>
    </row>
    <row r="24" spans="11:18">
      <c r="K24" s="22"/>
      <c r="L24" s="22"/>
      <c r="M24" s="22"/>
      <c r="N24" s="22"/>
      <c r="O24" s="22"/>
      <c r="P24" s="22"/>
      <c r="Q24" s="22"/>
      <c r="R24" s="22"/>
    </row>
    <row r="25" spans="11:18">
      <c r="K25" s="22"/>
      <c r="L25" s="22"/>
      <c r="M25" s="22"/>
      <c r="N25" s="22"/>
      <c r="O25" s="22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2"/>
  <dimension ref="A1:R25"/>
  <sheetViews>
    <sheetView workbookViewId="0">
      <selection activeCell="A2" sqref="A2"/>
    </sheetView>
  </sheetViews>
  <sheetFormatPr defaultColWidth="9" defaultRowHeight="14.25"/>
  <cols>
    <col min="1" max="3" width="9" style="18" customWidth="1"/>
    <col min="4" max="4" width="13.75" style="18" bestFit="1" customWidth="1"/>
    <col min="5" max="6" width="9" style="18" customWidth="1"/>
    <col min="7" max="16384" width="9" style="18"/>
  </cols>
  <sheetData>
    <row r="1" spans="1:18">
      <c r="A1" s="70" t="s">
        <v>315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75" t="s">
        <v>136</v>
      </c>
      <c r="B3" s="76" t="s">
        <v>128</v>
      </c>
      <c r="C3" s="76"/>
      <c r="D3" s="76"/>
      <c r="E3" s="76"/>
      <c r="F3" s="76"/>
    </row>
    <row r="4" spans="1:18" ht="28.15" customHeight="1">
      <c r="A4" s="75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8">
      <c r="A5" s="73" t="s">
        <v>114</v>
      </c>
      <c r="B5" s="20">
        <v>1028</v>
      </c>
      <c r="C5" s="20">
        <v>1297</v>
      </c>
      <c r="D5" s="20">
        <v>428</v>
      </c>
      <c r="E5" s="20">
        <v>7</v>
      </c>
      <c r="F5" s="20">
        <v>2760</v>
      </c>
    </row>
    <row r="6" spans="1:18">
      <c r="A6" s="77"/>
      <c r="B6" s="21">
        <v>0.372</v>
      </c>
      <c r="C6" s="21">
        <v>0.47</v>
      </c>
      <c r="D6" s="21">
        <v>0.155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15</v>
      </c>
      <c r="B7" s="20">
        <v>1422</v>
      </c>
      <c r="C7" s="20">
        <v>1363</v>
      </c>
      <c r="D7" s="20">
        <v>503</v>
      </c>
      <c r="E7" s="20">
        <v>6</v>
      </c>
      <c r="F7" s="20">
        <v>3294</v>
      </c>
    </row>
    <row r="8" spans="1:18">
      <c r="A8" s="74"/>
      <c r="B8" s="21">
        <v>0.432</v>
      </c>
      <c r="C8" s="21">
        <v>0.41399999999999998</v>
      </c>
      <c r="D8" s="21">
        <v>0.153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3" t="s">
        <v>22</v>
      </c>
      <c r="B9" s="24">
        <v>7</v>
      </c>
      <c r="C9" s="24">
        <v>6</v>
      </c>
      <c r="D9" s="24">
        <v>3</v>
      </c>
      <c r="E9" s="24">
        <v>0</v>
      </c>
      <c r="F9" s="24">
        <v>16</v>
      </c>
      <c r="K9" s="22"/>
      <c r="L9" s="22"/>
      <c r="M9" s="22"/>
      <c r="N9" s="22"/>
      <c r="O9" s="22"/>
    </row>
    <row r="10" spans="1:18">
      <c r="A10" s="74"/>
      <c r="B10" s="21">
        <v>0.438</v>
      </c>
      <c r="C10" s="21">
        <v>0.375</v>
      </c>
      <c r="D10" s="21">
        <v>0.188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 s="23" customFormat="1">
      <c r="A11" s="78" t="s">
        <v>15</v>
      </c>
      <c r="B11" s="20">
        <v>2457</v>
      </c>
      <c r="C11" s="20">
        <v>2666</v>
      </c>
      <c r="D11" s="20">
        <v>934</v>
      </c>
      <c r="E11" s="20">
        <v>13</v>
      </c>
      <c r="F11" s="20">
        <v>6070</v>
      </c>
    </row>
    <row r="12" spans="1:18">
      <c r="A12" s="79"/>
      <c r="B12" s="21">
        <v>0.40500000000000003</v>
      </c>
      <c r="C12" s="21">
        <v>0.439</v>
      </c>
      <c r="D12" s="21">
        <v>0.154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ht="13.9" customHeight="1">
      <c r="A13" s="39" t="s">
        <v>261</v>
      </c>
      <c r="B13" s="39"/>
      <c r="C13" s="39"/>
      <c r="D13" s="39"/>
      <c r="E13" s="39"/>
      <c r="F13" s="39"/>
      <c r="K13" s="22"/>
      <c r="L13" s="22"/>
      <c r="M13" s="22"/>
      <c r="N13" s="22"/>
      <c r="O13" s="22"/>
    </row>
    <row r="14" spans="1:18" ht="13.9" customHeight="1">
      <c r="A14" s="43"/>
      <c r="B14" s="43"/>
      <c r="C14" s="43"/>
      <c r="D14" s="43"/>
      <c r="E14" s="43"/>
      <c r="F14" s="43"/>
      <c r="K14" s="22"/>
      <c r="L14" s="22"/>
      <c r="M14" s="22"/>
      <c r="N14" s="22"/>
      <c r="O14" s="22"/>
      <c r="P14" s="22"/>
      <c r="Q14" s="22"/>
      <c r="R14" s="22"/>
    </row>
    <row r="15" spans="1:18">
      <c r="K15" s="22"/>
      <c r="L15" s="22"/>
      <c r="M15" s="22"/>
      <c r="N15" s="22"/>
      <c r="O15" s="22"/>
    </row>
    <row r="16" spans="1:18">
      <c r="K16" s="22"/>
      <c r="L16" s="22"/>
      <c r="M16" s="22"/>
      <c r="N16" s="22"/>
      <c r="O16" s="22"/>
      <c r="P16" s="22"/>
      <c r="Q16" s="22"/>
      <c r="R16" s="22"/>
    </row>
    <row r="17" spans="11:18">
      <c r="K17" s="22"/>
      <c r="L17" s="22"/>
      <c r="M17" s="22"/>
      <c r="N17" s="22"/>
      <c r="O17" s="22"/>
    </row>
    <row r="18" spans="11:18">
      <c r="K18" s="22"/>
      <c r="L18" s="22"/>
      <c r="M18" s="22"/>
      <c r="N18" s="22"/>
      <c r="O18" s="22"/>
      <c r="P18" s="22"/>
      <c r="Q18" s="22"/>
      <c r="R18" s="22"/>
    </row>
    <row r="19" spans="11:18">
      <c r="K19" s="22"/>
      <c r="L19" s="22"/>
      <c r="M19" s="22"/>
      <c r="N19" s="22"/>
      <c r="O19" s="22"/>
    </row>
    <row r="20" spans="11:18">
      <c r="K20" s="22"/>
      <c r="L20" s="22"/>
      <c r="M20" s="22"/>
      <c r="N20" s="22"/>
      <c r="O20" s="22"/>
      <c r="P20" s="22"/>
      <c r="Q20" s="22"/>
      <c r="R20" s="22"/>
    </row>
    <row r="21" spans="11:18">
      <c r="K21" s="22"/>
      <c r="L21" s="22"/>
      <c r="M21" s="22"/>
      <c r="N21" s="22"/>
      <c r="O21" s="22"/>
    </row>
    <row r="22" spans="11:18">
      <c r="K22" s="22"/>
      <c r="L22" s="22"/>
      <c r="M22" s="22"/>
      <c r="N22" s="22"/>
      <c r="O22" s="22"/>
      <c r="P22" s="22"/>
      <c r="Q22" s="22"/>
      <c r="R22" s="22"/>
    </row>
    <row r="23" spans="11:18" ht="13.9" customHeight="1">
      <c r="K23" s="22"/>
      <c r="L23" s="22"/>
      <c r="M23" s="22"/>
      <c r="N23" s="22"/>
      <c r="O23" s="22"/>
    </row>
    <row r="24" spans="11:18">
      <c r="K24" s="22"/>
      <c r="L24" s="22"/>
      <c r="M24" s="22"/>
      <c r="N24" s="22"/>
      <c r="O24" s="22"/>
      <c r="P24" s="22"/>
      <c r="Q24" s="22"/>
      <c r="R24" s="22"/>
    </row>
    <row r="25" spans="11:18">
      <c r="K25" s="22"/>
      <c r="L25" s="22"/>
      <c r="M25" s="22"/>
      <c r="N25" s="22"/>
      <c r="O25" s="22"/>
    </row>
  </sheetData>
  <mergeCells count="7"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9"/>
  <dimension ref="A1:S14"/>
  <sheetViews>
    <sheetView workbookViewId="0">
      <selection activeCell="A2" sqref="A2"/>
    </sheetView>
  </sheetViews>
  <sheetFormatPr defaultColWidth="9" defaultRowHeight="14.25"/>
  <cols>
    <col min="1" max="4" width="9" style="18" customWidth="1"/>
    <col min="5" max="5" width="11.625" style="18" bestFit="1" customWidth="1"/>
    <col min="6" max="7" width="9" style="18" customWidth="1"/>
    <col min="8" max="16384" width="9" style="18"/>
  </cols>
  <sheetData>
    <row r="1" spans="1:19">
      <c r="A1" s="70" t="s">
        <v>316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75" t="s">
        <v>202</v>
      </c>
      <c r="B3" s="76" t="s">
        <v>109</v>
      </c>
      <c r="C3" s="76"/>
      <c r="D3" s="76"/>
      <c r="E3" s="76"/>
      <c r="F3" s="76"/>
      <c r="G3" s="76"/>
    </row>
    <row r="4" spans="1:19" ht="28.5">
      <c r="A4" s="75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9">
      <c r="A5" s="73" t="s">
        <v>114</v>
      </c>
      <c r="B5" s="20">
        <v>501</v>
      </c>
      <c r="C5" s="20">
        <v>228</v>
      </c>
      <c r="D5" s="20">
        <v>34</v>
      </c>
      <c r="E5" s="20">
        <v>261</v>
      </c>
      <c r="F5" s="20">
        <v>4</v>
      </c>
      <c r="G5" s="20">
        <v>1028</v>
      </c>
    </row>
    <row r="6" spans="1:19">
      <c r="A6" s="77"/>
      <c r="B6" s="21">
        <v>0.48699999999999999</v>
      </c>
      <c r="C6" s="21">
        <v>0.222</v>
      </c>
      <c r="D6" s="21">
        <v>3.3000000000000002E-2</v>
      </c>
      <c r="E6" s="21">
        <v>0.254</v>
      </c>
      <c r="F6" s="21">
        <v>4.0000000000000001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>
      <c r="A7" s="73" t="s">
        <v>115</v>
      </c>
      <c r="B7" s="24">
        <v>601</v>
      </c>
      <c r="C7" s="24">
        <v>282</v>
      </c>
      <c r="D7" s="24">
        <v>50</v>
      </c>
      <c r="E7" s="24">
        <v>487</v>
      </c>
      <c r="F7" s="24">
        <v>2</v>
      </c>
      <c r="G7" s="20">
        <v>1422</v>
      </c>
      <c r="L7" s="22"/>
      <c r="M7" s="22"/>
      <c r="N7" s="22"/>
      <c r="O7" s="22"/>
      <c r="P7" s="22"/>
    </row>
    <row r="8" spans="1:19">
      <c r="A8" s="74"/>
      <c r="B8" s="21">
        <v>0.42299999999999999</v>
      </c>
      <c r="C8" s="21">
        <v>0.19800000000000001</v>
      </c>
      <c r="D8" s="21">
        <v>3.5000000000000003E-2</v>
      </c>
      <c r="E8" s="21">
        <v>0.34200000000000003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3" t="s">
        <v>22</v>
      </c>
      <c r="B9" s="24">
        <v>3</v>
      </c>
      <c r="C9" s="24">
        <v>2</v>
      </c>
      <c r="D9" s="24">
        <v>0</v>
      </c>
      <c r="E9" s="24">
        <v>2</v>
      </c>
      <c r="F9" s="24">
        <v>0</v>
      </c>
      <c r="G9" s="24">
        <v>7</v>
      </c>
      <c r="L9" s="22"/>
      <c r="M9" s="22"/>
      <c r="N9" s="22"/>
      <c r="O9" s="22"/>
      <c r="P9" s="22"/>
    </row>
    <row r="10" spans="1:19">
      <c r="A10" s="74"/>
      <c r="B10" s="21">
        <v>0.42899999999999999</v>
      </c>
      <c r="C10" s="21">
        <v>0.28599999999999998</v>
      </c>
      <c r="D10" s="21">
        <v>0</v>
      </c>
      <c r="E10" s="21">
        <v>0.28599999999999998</v>
      </c>
      <c r="F10" s="21">
        <v>0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 s="23" customFormat="1">
      <c r="A11" s="73" t="s">
        <v>15</v>
      </c>
      <c r="B11" s="20">
        <v>1105</v>
      </c>
      <c r="C11" s="20">
        <v>512</v>
      </c>
      <c r="D11" s="20">
        <v>84</v>
      </c>
      <c r="E11" s="20">
        <v>750</v>
      </c>
      <c r="F11" s="20">
        <v>6</v>
      </c>
      <c r="G11" s="20">
        <v>2457</v>
      </c>
    </row>
    <row r="12" spans="1:19">
      <c r="A12" s="74"/>
      <c r="B12" s="21">
        <v>0.45</v>
      </c>
      <c r="C12" s="21">
        <v>0.20799999999999999</v>
      </c>
      <c r="D12" s="21">
        <v>3.4000000000000002E-2</v>
      </c>
      <c r="E12" s="21">
        <v>0.30499999999999999</v>
      </c>
      <c r="F12" s="21">
        <v>2E-3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>
      <c r="A13" s="39" t="s">
        <v>280</v>
      </c>
      <c r="B13" s="39"/>
      <c r="C13" s="39"/>
      <c r="D13" s="39"/>
      <c r="E13" s="39"/>
      <c r="F13" s="39"/>
      <c r="G13" s="39"/>
      <c r="L13" s="22"/>
      <c r="M13" s="22"/>
      <c r="N13" s="22"/>
      <c r="O13" s="22"/>
      <c r="P13" s="22"/>
    </row>
    <row r="14" spans="1:19">
      <c r="A14" s="43"/>
      <c r="B14" s="43"/>
      <c r="C14" s="43"/>
      <c r="D14" s="43"/>
      <c r="E14" s="43"/>
      <c r="F14" s="43"/>
      <c r="G14" s="43"/>
    </row>
  </sheetData>
  <mergeCells count="7"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4"/>
  <dimension ref="A1:O18"/>
  <sheetViews>
    <sheetView workbookViewId="0">
      <selection activeCell="A2" sqref="A2"/>
    </sheetView>
  </sheetViews>
  <sheetFormatPr defaultColWidth="9" defaultRowHeight="14.25"/>
  <cols>
    <col min="1" max="1" width="10.375" style="18" customWidth="1"/>
    <col min="2" max="2" width="10.875" style="18" customWidth="1"/>
    <col min="3" max="5" width="9" style="18" customWidth="1"/>
    <col min="6" max="16384" width="9" style="18"/>
  </cols>
  <sheetData>
    <row r="1" spans="1:15">
      <c r="A1" s="70" t="s">
        <v>317</v>
      </c>
      <c r="B1" s="70"/>
      <c r="C1" s="70"/>
      <c r="D1" s="70"/>
      <c r="E1" s="70"/>
      <c r="F1" s="70"/>
    </row>
    <row r="2" spans="1:15">
      <c r="A2" s="121" t="s">
        <v>613</v>
      </c>
      <c r="B2" s="36"/>
      <c r="C2" s="36"/>
      <c r="D2" s="36"/>
      <c r="E2" s="36"/>
      <c r="F2" s="36"/>
    </row>
    <row r="3" spans="1:15">
      <c r="A3" s="75" t="s">
        <v>131</v>
      </c>
      <c r="B3" s="76" t="s">
        <v>23</v>
      </c>
      <c r="C3" s="76"/>
      <c r="D3" s="76"/>
      <c r="E3" s="76"/>
      <c r="F3" s="76"/>
    </row>
    <row r="4" spans="1:15" ht="28.5">
      <c r="A4" s="75"/>
      <c r="B4" s="11" t="s">
        <v>19</v>
      </c>
      <c r="C4" s="11" t="s">
        <v>20</v>
      </c>
      <c r="D4" s="11" t="s">
        <v>21</v>
      </c>
      <c r="E4" s="11" t="s">
        <v>22</v>
      </c>
      <c r="F4" s="11" t="s">
        <v>15</v>
      </c>
    </row>
    <row r="5" spans="1:15">
      <c r="A5" s="73" t="s">
        <v>132</v>
      </c>
      <c r="B5" s="20">
        <v>1351</v>
      </c>
      <c r="C5" s="20">
        <v>1463</v>
      </c>
      <c r="D5" s="20">
        <v>124</v>
      </c>
      <c r="E5" s="20">
        <v>5</v>
      </c>
      <c r="F5" s="20">
        <v>2943</v>
      </c>
    </row>
    <row r="6" spans="1:15">
      <c r="A6" s="77"/>
      <c r="B6" s="21">
        <v>0.45900000000000002</v>
      </c>
      <c r="C6" s="21">
        <v>0.497</v>
      </c>
      <c r="D6" s="21">
        <v>4.2000000000000003E-2</v>
      </c>
      <c r="E6" s="21">
        <v>2E-3</v>
      </c>
      <c r="F6" s="21">
        <v>1</v>
      </c>
      <c r="K6" s="22"/>
      <c r="L6" s="22"/>
      <c r="M6" s="22"/>
      <c r="N6" s="22"/>
      <c r="O6" s="22"/>
    </row>
    <row r="7" spans="1:15" s="23" customFormat="1">
      <c r="A7" s="73" t="s">
        <v>133</v>
      </c>
      <c r="B7" s="20">
        <v>1044</v>
      </c>
      <c r="C7" s="20">
        <v>1192</v>
      </c>
      <c r="D7" s="20">
        <v>85</v>
      </c>
      <c r="E7" s="20">
        <v>7</v>
      </c>
      <c r="F7" s="20">
        <v>2328</v>
      </c>
    </row>
    <row r="8" spans="1:15">
      <c r="A8" s="74"/>
      <c r="B8" s="21">
        <v>0.44800000000000001</v>
      </c>
      <c r="C8" s="21">
        <v>0.51200000000000001</v>
      </c>
      <c r="D8" s="21">
        <v>3.6999999999999998E-2</v>
      </c>
      <c r="E8" s="21">
        <v>3.0000000000000001E-3</v>
      </c>
      <c r="F8" s="21">
        <v>1</v>
      </c>
      <c r="K8" s="22"/>
      <c r="L8" s="22"/>
      <c r="M8" s="22"/>
      <c r="N8" s="22"/>
      <c r="O8" s="22"/>
    </row>
    <row r="9" spans="1:15">
      <c r="A9" s="73" t="s">
        <v>134</v>
      </c>
      <c r="B9" s="24">
        <v>262</v>
      </c>
      <c r="C9" s="24">
        <v>360</v>
      </c>
      <c r="D9" s="24">
        <v>29</v>
      </c>
      <c r="E9" s="24">
        <v>3</v>
      </c>
      <c r="F9" s="24">
        <v>654</v>
      </c>
      <c r="K9" s="22"/>
      <c r="L9" s="22"/>
      <c r="M9" s="22"/>
      <c r="N9" s="22"/>
      <c r="O9" s="22"/>
    </row>
    <row r="10" spans="1:15">
      <c r="A10" s="74"/>
      <c r="B10" s="21">
        <v>0.40100000000000002</v>
      </c>
      <c r="C10" s="21">
        <v>0.55000000000000004</v>
      </c>
      <c r="D10" s="21">
        <v>4.3999999999999997E-2</v>
      </c>
      <c r="E10" s="21">
        <v>5.0000000000000001E-3</v>
      </c>
      <c r="F10" s="21">
        <v>1</v>
      </c>
      <c r="K10" s="22"/>
      <c r="L10" s="22"/>
      <c r="M10" s="22"/>
      <c r="N10" s="22"/>
      <c r="O10" s="22"/>
    </row>
    <row r="11" spans="1:15">
      <c r="A11" s="78" t="s">
        <v>135</v>
      </c>
      <c r="B11" s="24">
        <v>32</v>
      </c>
      <c r="C11" s="24">
        <v>66</v>
      </c>
      <c r="D11" s="24">
        <v>0</v>
      </c>
      <c r="E11" s="24">
        <v>0</v>
      </c>
      <c r="F11" s="24">
        <v>98</v>
      </c>
      <c r="K11" s="22"/>
      <c r="L11" s="22"/>
      <c r="M11" s="22"/>
      <c r="N11" s="22"/>
      <c r="O11" s="22"/>
    </row>
    <row r="12" spans="1:15">
      <c r="A12" s="79"/>
      <c r="B12" s="21">
        <v>0.32700000000000001</v>
      </c>
      <c r="C12" s="21">
        <v>0.67300000000000004</v>
      </c>
      <c r="D12" s="21">
        <v>0</v>
      </c>
      <c r="E12" s="21">
        <v>0</v>
      </c>
      <c r="F12" s="21">
        <v>1</v>
      </c>
      <c r="K12" s="22"/>
      <c r="L12" s="22"/>
      <c r="M12" s="22"/>
      <c r="N12" s="22"/>
      <c r="O12" s="22"/>
    </row>
    <row r="13" spans="1:15">
      <c r="A13" s="73" t="s">
        <v>22</v>
      </c>
      <c r="B13" s="24">
        <v>25</v>
      </c>
      <c r="C13" s="24">
        <v>17</v>
      </c>
      <c r="D13" s="24">
        <v>5</v>
      </c>
      <c r="E13" s="24">
        <v>0</v>
      </c>
      <c r="F13" s="24">
        <v>47</v>
      </c>
      <c r="K13" s="22"/>
      <c r="L13" s="22"/>
      <c r="M13" s="22"/>
      <c r="N13" s="22"/>
      <c r="O13" s="22"/>
    </row>
    <row r="14" spans="1:15">
      <c r="A14" s="74"/>
      <c r="B14" s="21">
        <v>0.53200000000000003</v>
      </c>
      <c r="C14" s="21">
        <v>0.36199999999999999</v>
      </c>
      <c r="D14" s="21">
        <v>0.106</v>
      </c>
      <c r="E14" s="21">
        <v>0</v>
      </c>
      <c r="F14" s="21">
        <v>1</v>
      </c>
      <c r="K14" s="22"/>
      <c r="L14" s="22"/>
      <c r="M14" s="22"/>
      <c r="N14" s="22"/>
      <c r="O14" s="22"/>
    </row>
    <row r="15" spans="1:15" s="23" customFormat="1">
      <c r="A15" s="73" t="s">
        <v>15</v>
      </c>
      <c r="B15" s="20">
        <v>2714</v>
      </c>
      <c r="C15" s="20">
        <v>3098</v>
      </c>
      <c r="D15" s="20">
        <v>243</v>
      </c>
      <c r="E15" s="20">
        <v>15</v>
      </c>
      <c r="F15" s="20">
        <v>6070</v>
      </c>
    </row>
    <row r="16" spans="1:15">
      <c r="A16" s="74"/>
      <c r="B16" s="21">
        <v>0.44700000000000001</v>
      </c>
      <c r="C16" s="21">
        <v>0.51</v>
      </c>
      <c r="D16" s="21">
        <v>0.04</v>
      </c>
      <c r="E16" s="21">
        <v>2E-3</v>
      </c>
      <c r="F16" s="21">
        <v>1</v>
      </c>
      <c r="K16" s="22"/>
      <c r="L16" s="22"/>
      <c r="M16" s="22"/>
      <c r="N16" s="22"/>
      <c r="O16" s="22"/>
    </row>
    <row r="17" spans="1:15" ht="14.25" customHeight="1">
      <c r="A17" s="71" t="s">
        <v>204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81"/>
      <c r="B18" s="81"/>
      <c r="C18" s="81"/>
      <c r="D18" s="81"/>
      <c r="E18" s="81"/>
      <c r="F18" s="81"/>
    </row>
  </sheetData>
  <mergeCells count="10">
    <mergeCell ref="A17:F18"/>
    <mergeCell ref="A15:A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5"/>
  <dimension ref="A1:N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4" width="9" style="18" customWidth="1"/>
    <col min="5" max="16384" width="9" style="18"/>
  </cols>
  <sheetData>
    <row r="1" spans="1:14">
      <c r="A1" s="70" t="s">
        <v>318</v>
      </c>
      <c r="B1" s="70"/>
      <c r="C1" s="70"/>
      <c r="D1" s="70"/>
      <c r="E1" s="70"/>
    </row>
    <row r="2" spans="1:14">
      <c r="A2" s="121" t="s">
        <v>613</v>
      </c>
      <c r="B2" s="36"/>
      <c r="C2" s="36"/>
      <c r="D2" s="36"/>
      <c r="E2" s="36"/>
    </row>
    <row r="3" spans="1:14">
      <c r="A3" s="75" t="s">
        <v>131</v>
      </c>
      <c r="B3" s="76" t="s">
        <v>259</v>
      </c>
      <c r="C3" s="76"/>
      <c r="D3" s="76"/>
      <c r="E3" s="76"/>
    </row>
    <row r="4" spans="1:14">
      <c r="A4" s="75"/>
      <c r="B4" s="11" t="s">
        <v>25</v>
      </c>
      <c r="C4" s="11" t="s">
        <v>145</v>
      </c>
      <c r="D4" s="11" t="s">
        <v>22</v>
      </c>
      <c r="E4" s="11" t="s">
        <v>15</v>
      </c>
    </row>
    <row r="5" spans="1:14">
      <c r="A5" s="73" t="s">
        <v>132</v>
      </c>
      <c r="B5" s="20">
        <v>984</v>
      </c>
      <c r="C5" s="20">
        <v>286</v>
      </c>
      <c r="D5" s="20">
        <v>81</v>
      </c>
      <c r="E5" s="20">
        <v>1351</v>
      </c>
    </row>
    <row r="6" spans="1:14">
      <c r="A6" s="77"/>
      <c r="B6" s="21">
        <v>0.72799999999999998</v>
      </c>
      <c r="C6" s="21">
        <v>0.21199999999999999</v>
      </c>
      <c r="D6" s="21">
        <v>0.06</v>
      </c>
      <c r="E6" s="21">
        <v>1</v>
      </c>
      <c r="J6" s="22"/>
      <c r="K6" s="22"/>
      <c r="L6" s="22"/>
      <c r="M6" s="22"/>
      <c r="N6" s="22"/>
    </row>
    <row r="7" spans="1:14">
      <c r="A7" s="73" t="s">
        <v>133</v>
      </c>
      <c r="B7" s="24">
        <v>776</v>
      </c>
      <c r="C7" s="24">
        <v>205</v>
      </c>
      <c r="D7" s="24">
        <v>63</v>
      </c>
      <c r="E7" s="20">
        <v>1044</v>
      </c>
      <c r="J7" s="22"/>
      <c r="K7" s="22"/>
      <c r="L7" s="22"/>
      <c r="M7" s="22"/>
      <c r="N7" s="22"/>
    </row>
    <row r="8" spans="1:14">
      <c r="A8" s="74"/>
      <c r="B8" s="21">
        <v>0.74299999999999999</v>
      </c>
      <c r="C8" s="21">
        <v>0.19600000000000001</v>
      </c>
      <c r="D8" s="21">
        <v>0.06</v>
      </c>
      <c r="E8" s="21">
        <v>1</v>
      </c>
      <c r="J8" s="22"/>
      <c r="K8" s="22"/>
      <c r="L8" s="22"/>
      <c r="M8" s="22"/>
      <c r="N8" s="22"/>
    </row>
    <row r="9" spans="1:14">
      <c r="A9" s="73" t="s">
        <v>134</v>
      </c>
      <c r="B9" s="24">
        <v>193</v>
      </c>
      <c r="C9" s="24">
        <v>52</v>
      </c>
      <c r="D9" s="24">
        <v>17</v>
      </c>
      <c r="E9" s="24">
        <v>262</v>
      </c>
      <c r="J9" s="22"/>
      <c r="K9" s="22"/>
      <c r="L9" s="22"/>
      <c r="M9" s="22"/>
      <c r="N9" s="22"/>
    </row>
    <row r="10" spans="1:14">
      <c r="A10" s="74"/>
      <c r="B10" s="21">
        <v>0.73699999999999999</v>
      </c>
      <c r="C10" s="21">
        <v>0.19800000000000001</v>
      </c>
      <c r="D10" s="21">
        <v>6.5000000000000002E-2</v>
      </c>
      <c r="E10" s="21">
        <v>1</v>
      </c>
      <c r="J10" s="22"/>
      <c r="K10" s="22"/>
      <c r="L10" s="22"/>
      <c r="M10" s="22"/>
      <c r="N10" s="22"/>
    </row>
    <row r="11" spans="1:14">
      <c r="A11" s="78" t="s">
        <v>135</v>
      </c>
      <c r="B11" s="24">
        <v>25</v>
      </c>
      <c r="C11" s="24">
        <v>5</v>
      </c>
      <c r="D11" s="24">
        <v>2</v>
      </c>
      <c r="E11" s="24">
        <v>32</v>
      </c>
      <c r="J11" s="22"/>
      <c r="K11" s="22"/>
      <c r="L11" s="22"/>
      <c r="M11" s="22"/>
      <c r="N11" s="22"/>
    </row>
    <row r="12" spans="1:14">
      <c r="A12" s="79"/>
      <c r="B12" s="21">
        <v>0.78100000000000003</v>
      </c>
      <c r="C12" s="21">
        <v>0.156</v>
      </c>
      <c r="D12" s="21">
        <v>6.3E-2</v>
      </c>
      <c r="E12" s="21">
        <v>1</v>
      </c>
      <c r="J12" s="22"/>
      <c r="K12" s="22"/>
      <c r="L12" s="22"/>
      <c r="M12" s="22"/>
      <c r="N12" s="22"/>
    </row>
    <row r="13" spans="1:14">
      <c r="A13" s="73" t="s">
        <v>22</v>
      </c>
      <c r="B13" s="24">
        <v>18</v>
      </c>
      <c r="C13" s="24">
        <v>4</v>
      </c>
      <c r="D13" s="24">
        <v>3</v>
      </c>
      <c r="E13" s="24">
        <v>25</v>
      </c>
      <c r="J13" s="22"/>
      <c r="K13" s="22"/>
      <c r="L13" s="22"/>
      <c r="M13" s="22"/>
      <c r="N13" s="22"/>
    </row>
    <row r="14" spans="1:14">
      <c r="A14" s="74"/>
      <c r="B14" s="21">
        <v>0.72</v>
      </c>
      <c r="C14" s="21">
        <v>0.16</v>
      </c>
      <c r="D14" s="21">
        <v>0.12</v>
      </c>
      <c r="E14" s="21">
        <v>1</v>
      </c>
      <c r="J14" s="22"/>
      <c r="K14" s="22"/>
      <c r="L14" s="22"/>
      <c r="M14" s="22"/>
      <c r="N14" s="22"/>
    </row>
    <row r="15" spans="1:14" s="23" customFormat="1">
      <c r="A15" s="73" t="s">
        <v>15</v>
      </c>
      <c r="B15" s="20">
        <v>1996</v>
      </c>
      <c r="C15" s="20">
        <v>552</v>
      </c>
      <c r="D15" s="20">
        <v>166</v>
      </c>
      <c r="E15" s="20">
        <v>2714</v>
      </c>
    </row>
    <row r="16" spans="1:14">
      <c r="A16" s="74"/>
      <c r="B16" s="21">
        <v>0.73499999999999999</v>
      </c>
      <c r="C16" s="21">
        <v>0.20300000000000001</v>
      </c>
      <c r="D16" s="21">
        <v>6.0999999999999999E-2</v>
      </c>
      <c r="E16" s="21">
        <v>1</v>
      </c>
      <c r="J16" s="22"/>
      <c r="K16" s="22"/>
      <c r="L16" s="22"/>
      <c r="M16" s="22"/>
      <c r="N16" s="22"/>
    </row>
    <row r="17" spans="1:14">
      <c r="A17" s="71" t="s">
        <v>588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25"/>
      <c r="B18" s="25"/>
      <c r="C18" s="25"/>
      <c r="D18" s="25"/>
      <c r="E18" s="25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6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9.5" style="18" bestFit="1" customWidth="1"/>
    <col min="3" max="3" width="9.125" style="18" customWidth="1"/>
    <col min="4" max="4" width="9.375" style="18" customWidth="1"/>
    <col min="5" max="5" width="8.25" style="18" customWidth="1"/>
    <col min="6" max="16384" width="9" style="18"/>
  </cols>
  <sheetData>
    <row r="1" spans="1:15">
      <c r="A1" s="70" t="s">
        <v>319</v>
      </c>
      <c r="B1" s="70"/>
      <c r="C1" s="70"/>
      <c r="D1" s="70"/>
      <c r="E1" s="70"/>
      <c r="F1" s="70"/>
    </row>
    <row r="2" spans="1:15">
      <c r="A2" s="121" t="s">
        <v>613</v>
      </c>
      <c r="B2" s="36"/>
      <c r="C2" s="36"/>
      <c r="D2" s="36"/>
      <c r="E2" s="36"/>
      <c r="F2" s="36"/>
    </row>
    <row r="3" spans="1:15">
      <c r="A3" s="75" t="s">
        <v>131</v>
      </c>
      <c r="B3" s="76" t="s">
        <v>31</v>
      </c>
      <c r="C3" s="76"/>
      <c r="D3" s="76"/>
      <c r="E3" s="76"/>
      <c r="F3" s="76"/>
    </row>
    <row r="4" spans="1:15" ht="28.5">
      <c r="A4" s="75"/>
      <c r="B4" s="11" t="s">
        <v>26</v>
      </c>
      <c r="C4" s="11" t="s">
        <v>27</v>
      </c>
      <c r="D4" s="11" t="s">
        <v>28</v>
      </c>
      <c r="E4" s="11" t="s">
        <v>22</v>
      </c>
      <c r="F4" s="11" t="s">
        <v>15</v>
      </c>
    </row>
    <row r="5" spans="1:15">
      <c r="A5" s="73" t="s">
        <v>132</v>
      </c>
      <c r="B5" s="20">
        <v>853</v>
      </c>
      <c r="C5" s="20">
        <v>1713</v>
      </c>
      <c r="D5" s="20">
        <v>367</v>
      </c>
      <c r="E5" s="20">
        <v>10</v>
      </c>
      <c r="F5" s="20">
        <v>2943</v>
      </c>
    </row>
    <row r="6" spans="1:15">
      <c r="A6" s="77"/>
      <c r="B6" s="21">
        <v>0.28999999999999998</v>
      </c>
      <c r="C6" s="21">
        <v>0.58199999999999996</v>
      </c>
      <c r="D6" s="21">
        <v>0.125</v>
      </c>
      <c r="E6" s="21">
        <v>3.0000000000000001E-3</v>
      </c>
      <c r="F6" s="21">
        <v>1</v>
      </c>
      <c r="K6" s="22"/>
      <c r="L6" s="22"/>
      <c r="M6" s="22"/>
      <c r="N6" s="22"/>
      <c r="O6" s="22"/>
    </row>
    <row r="7" spans="1:15" s="23" customFormat="1">
      <c r="A7" s="73" t="s">
        <v>133</v>
      </c>
      <c r="B7" s="20">
        <v>670</v>
      </c>
      <c r="C7" s="20">
        <v>1397</v>
      </c>
      <c r="D7" s="20">
        <v>259</v>
      </c>
      <c r="E7" s="20">
        <v>2</v>
      </c>
      <c r="F7" s="20">
        <v>2328</v>
      </c>
    </row>
    <row r="8" spans="1:15">
      <c r="A8" s="74"/>
      <c r="B8" s="21">
        <v>0.28799999999999998</v>
      </c>
      <c r="C8" s="21">
        <v>0.6</v>
      </c>
      <c r="D8" s="21">
        <v>0.111</v>
      </c>
      <c r="E8" s="21">
        <v>1E-3</v>
      </c>
      <c r="F8" s="21">
        <v>1</v>
      </c>
      <c r="K8" s="22"/>
      <c r="L8" s="22"/>
      <c r="M8" s="22"/>
      <c r="N8" s="22"/>
      <c r="O8" s="22"/>
    </row>
    <row r="9" spans="1:15">
      <c r="A9" s="73" t="s">
        <v>134</v>
      </c>
      <c r="B9" s="24">
        <v>198</v>
      </c>
      <c r="C9" s="24">
        <v>388</v>
      </c>
      <c r="D9" s="24">
        <v>67</v>
      </c>
      <c r="E9" s="24">
        <v>1</v>
      </c>
      <c r="F9" s="24">
        <v>654</v>
      </c>
      <c r="K9" s="22"/>
      <c r="L9" s="22"/>
      <c r="M9" s="22"/>
      <c r="N9" s="22"/>
      <c r="O9" s="22"/>
    </row>
    <row r="10" spans="1:15">
      <c r="A10" s="74"/>
      <c r="B10" s="21">
        <v>0.30299999999999999</v>
      </c>
      <c r="C10" s="21">
        <v>0.59299999999999997</v>
      </c>
      <c r="D10" s="21">
        <v>0.10199999999999999</v>
      </c>
      <c r="E10" s="21">
        <v>2E-3</v>
      </c>
      <c r="F10" s="21">
        <v>1</v>
      </c>
      <c r="K10" s="22"/>
      <c r="L10" s="22"/>
      <c r="M10" s="22"/>
      <c r="N10" s="22"/>
      <c r="O10" s="22"/>
    </row>
    <row r="11" spans="1:15">
      <c r="A11" s="78" t="s">
        <v>135</v>
      </c>
      <c r="B11" s="24">
        <v>31</v>
      </c>
      <c r="C11" s="24">
        <v>60</v>
      </c>
      <c r="D11" s="24">
        <v>7</v>
      </c>
      <c r="E11" s="24">
        <v>0</v>
      </c>
      <c r="F11" s="24">
        <v>98</v>
      </c>
      <c r="K11" s="22"/>
      <c r="L11" s="22"/>
      <c r="M11" s="22"/>
      <c r="N11" s="22"/>
      <c r="O11" s="22"/>
    </row>
    <row r="12" spans="1:15">
      <c r="A12" s="79"/>
      <c r="B12" s="21">
        <v>0.316</v>
      </c>
      <c r="C12" s="21">
        <v>0.61199999999999999</v>
      </c>
      <c r="D12" s="21">
        <v>7.0999999999999994E-2</v>
      </c>
      <c r="E12" s="21">
        <v>0</v>
      </c>
      <c r="F12" s="21">
        <v>1</v>
      </c>
      <c r="K12" s="22"/>
      <c r="L12" s="22"/>
      <c r="M12" s="22"/>
      <c r="N12" s="22"/>
      <c r="O12" s="22"/>
    </row>
    <row r="13" spans="1:15">
      <c r="A13" s="73" t="s">
        <v>22</v>
      </c>
      <c r="B13" s="24">
        <v>15</v>
      </c>
      <c r="C13" s="24">
        <v>28</v>
      </c>
      <c r="D13" s="24">
        <v>4</v>
      </c>
      <c r="E13" s="24">
        <v>0</v>
      </c>
      <c r="F13" s="24">
        <v>47</v>
      </c>
      <c r="K13" s="22"/>
      <c r="L13" s="22"/>
      <c r="M13" s="22"/>
      <c r="N13" s="22"/>
      <c r="O13" s="22"/>
    </row>
    <row r="14" spans="1:15">
      <c r="A14" s="74"/>
      <c r="B14" s="21">
        <v>0.31900000000000001</v>
      </c>
      <c r="C14" s="21">
        <v>0.59599999999999997</v>
      </c>
      <c r="D14" s="21">
        <v>8.5000000000000006E-2</v>
      </c>
      <c r="E14" s="21">
        <v>0</v>
      </c>
      <c r="F14" s="21">
        <v>1</v>
      </c>
      <c r="K14" s="22"/>
      <c r="L14" s="22"/>
      <c r="M14" s="22"/>
      <c r="N14" s="22"/>
      <c r="O14" s="22"/>
    </row>
    <row r="15" spans="1:15" s="23" customFormat="1">
      <c r="A15" s="73" t="s">
        <v>15</v>
      </c>
      <c r="B15" s="20">
        <v>1767</v>
      </c>
      <c r="C15" s="20">
        <v>3586</v>
      </c>
      <c r="D15" s="20">
        <v>704</v>
      </c>
      <c r="E15" s="20">
        <v>13</v>
      </c>
      <c r="F15" s="20">
        <v>6070</v>
      </c>
    </row>
    <row r="16" spans="1:15">
      <c r="A16" s="74"/>
      <c r="B16" s="21">
        <v>0.29099999999999998</v>
      </c>
      <c r="C16" s="21">
        <v>0.59099999999999997</v>
      </c>
      <c r="D16" s="21">
        <v>0.11600000000000001</v>
      </c>
      <c r="E16" s="21">
        <v>2E-3</v>
      </c>
      <c r="F16" s="21">
        <v>1</v>
      </c>
      <c r="K16" s="22"/>
      <c r="L16" s="22"/>
      <c r="M16" s="22"/>
      <c r="N16" s="22"/>
      <c r="O16" s="22"/>
    </row>
    <row r="17" spans="1:15" ht="14.25" customHeight="1">
      <c r="A17" s="71" t="s">
        <v>32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81"/>
      <c r="B18" s="81"/>
      <c r="C18" s="81"/>
      <c r="D18" s="81"/>
      <c r="E18" s="81"/>
      <c r="F18" s="81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7"/>
  <dimension ref="A1:N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4" width="9" style="18" customWidth="1"/>
    <col min="5" max="16384" width="9" style="18"/>
  </cols>
  <sheetData>
    <row r="1" spans="1:14">
      <c r="A1" s="70" t="s">
        <v>320</v>
      </c>
      <c r="B1" s="70"/>
      <c r="C1" s="70"/>
      <c r="D1" s="70"/>
      <c r="E1" s="70"/>
    </row>
    <row r="2" spans="1:14">
      <c r="A2" s="121" t="s">
        <v>613</v>
      </c>
      <c r="B2" s="36"/>
      <c r="C2" s="36"/>
      <c r="D2" s="36"/>
      <c r="E2" s="36"/>
    </row>
    <row r="3" spans="1:14">
      <c r="A3" s="75" t="s">
        <v>131</v>
      </c>
      <c r="B3" s="76" t="s">
        <v>258</v>
      </c>
      <c r="C3" s="76"/>
      <c r="D3" s="76"/>
      <c r="E3" s="76"/>
    </row>
    <row r="4" spans="1:14">
      <c r="A4" s="75"/>
      <c r="B4" s="11" t="s">
        <v>25</v>
      </c>
      <c r="C4" s="11" t="s">
        <v>145</v>
      </c>
      <c r="D4" s="11" t="s">
        <v>22</v>
      </c>
      <c r="E4" s="11" t="s">
        <v>15</v>
      </c>
    </row>
    <row r="5" spans="1:14">
      <c r="A5" s="73" t="s">
        <v>132</v>
      </c>
      <c r="B5" s="20">
        <v>612</v>
      </c>
      <c r="C5" s="20">
        <v>158</v>
      </c>
      <c r="D5" s="20">
        <v>83</v>
      </c>
      <c r="E5" s="20">
        <v>853</v>
      </c>
    </row>
    <row r="6" spans="1:14">
      <c r="A6" s="77"/>
      <c r="B6" s="21">
        <v>0.71699999999999997</v>
      </c>
      <c r="C6" s="21">
        <v>0.185</v>
      </c>
      <c r="D6" s="21">
        <v>9.7000000000000003E-2</v>
      </c>
      <c r="E6" s="21">
        <v>1</v>
      </c>
      <c r="J6" s="22"/>
      <c r="K6" s="22"/>
      <c r="L6" s="22"/>
      <c r="M6" s="22"/>
      <c r="N6" s="22"/>
    </row>
    <row r="7" spans="1:14">
      <c r="A7" s="73" t="s">
        <v>133</v>
      </c>
      <c r="B7" s="24">
        <v>460</v>
      </c>
      <c r="C7" s="24">
        <v>137</v>
      </c>
      <c r="D7" s="24">
        <v>73</v>
      </c>
      <c r="E7" s="20">
        <v>670</v>
      </c>
      <c r="J7" s="22"/>
      <c r="K7" s="22"/>
      <c r="L7" s="22"/>
      <c r="M7" s="22"/>
      <c r="N7" s="22"/>
    </row>
    <row r="8" spans="1:14">
      <c r="A8" s="74"/>
      <c r="B8" s="21">
        <v>0.68700000000000006</v>
      </c>
      <c r="C8" s="21">
        <v>0.20399999999999999</v>
      </c>
      <c r="D8" s="21">
        <v>0.109</v>
      </c>
      <c r="E8" s="21">
        <v>1</v>
      </c>
      <c r="J8" s="22"/>
      <c r="K8" s="22"/>
      <c r="L8" s="22"/>
      <c r="M8" s="22"/>
      <c r="N8" s="22"/>
    </row>
    <row r="9" spans="1:14">
      <c r="A9" s="73" t="s">
        <v>134</v>
      </c>
      <c r="B9" s="24">
        <v>132</v>
      </c>
      <c r="C9" s="24">
        <v>42</v>
      </c>
      <c r="D9" s="24">
        <v>24</v>
      </c>
      <c r="E9" s="24">
        <v>198</v>
      </c>
      <c r="J9" s="22"/>
      <c r="K9" s="22"/>
      <c r="L9" s="22"/>
      <c r="M9" s="22"/>
      <c r="N9" s="22"/>
    </row>
    <row r="10" spans="1:14">
      <c r="A10" s="74"/>
      <c r="B10" s="21">
        <v>0.66700000000000004</v>
      </c>
      <c r="C10" s="21">
        <v>0.21199999999999999</v>
      </c>
      <c r="D10" s="21">
        <v>0.121</v>
      </c>
      <c r="E10" s="21">
        <v>1</v>
      </c>
      <c r="J10" s="22"/>
      <c r="K10" s="22"/>
      <c r="L10" s="22"/>
      <c r="M10" s="22"/>
      <c r="N10" s="22"/>
    </row>
    <row r="11" spans="1:14">
      <c r="A11" s="78" t="s">
        <v>135</v>
      </c>
      <c r="B11" s="24">
        <v>16</v>
      </c>
      <c r="C11" s="24">
        <v>13</v>
      </c>
      <c r="D11" s="24">
        <v>2</v>
      </c>
      <c r="E11" s="24">
        <v>31</v>
      </c>
      <c r="J11" s="22"/>
      <c r="K11" s="22"/>
      <c r="L11" s="22"/>
      <c r="M11" s="22"/>
      <c r="N11" s="22"/>
    </row>
    <row r="12" spans="1:14">
      <c r="A12" s="79"/>
      <c r="B12" s="21">
        <v>0.51600000000000001</v>
      </c>
      <c r="C12" s="21">
        <v>0.41899999999999998</v>
      </c>
      <c r="D12" s="21">
        <v>6.5000000000000002E-2</v>
      </c>
      <c r="E12" s="21">
        <v>1</v>
      </c>
      <c r="J12" s="22"/>
      <c r="K12" s="22"/>
      <c r="L12" s="22"/>
      <c r="M12" s="22"/>
      <c r="N12" s="22"/>
    </row>
    <row r="13" spans="1:14">
      <c r="A13" s="73" t="s">
        <v>22</v>
      </c>
      <c r="B13" s="24">
        <v>9</v>
      </c>
      <c r="C13" s="24">
        <v>4</v>
      </c>
      <c r="D13" s="24">
        <v>2</v>
      </c>
      <c r="E13" s="24">
        <v>15</v>
      </c>
      <c r="J13" s="22"/>
      <c r="K13" s="22"/>
      <c r="L13" s="22"/>
      <c r="M13" s="22"/>
      <c r="N13" s="22"/>
    </row>
    <row r="14" spans="1:14">
      <c r="A14" s="74"/>
      <c r="B14" s="21">
        <v>0.6</v>
      </c>
      <c r="C14" s="21">
        <v>0.26700000000000002</v>
      </c>
      <c r="D14" s="21">
        <v>0.13300000000000001</v>
      </c>
      <c r="E14" s="21">
        <v>1</v>
      </c>
      <c r="J14" s="22"/>
      <c r="K14" s="22"/>
      <c r="L14" s="22"/>
      <c r="M14" s="22"/>
      <c r="N14" s="22"/>
    </row>
    <row r="15" spans="1:14" s="23" customFormat="1">
      <c r="A15" s="73" t="s">
        <v>15</v>
      </c>
      <c r="B15" s="20">
        <v>1229</v>
      </c>
      <c r="C15" s="20">
        <v>354</v>
      </c>
      <c r="D15" s="20">
        <v>184</v>
      </c>
      <c r="E15" s="20">
        <v>1767</v>
      </c>
    </row>
    <row r="16" spans="1:14">
      <c r="A16" s="74"/>
      <c r="B16" s="21">
        <v>0.69599999999999995</v>
      </c>
      <c r="C16" s="21">
        <v>0.2</v>
      </c>
      <c r="D16" s="21">
        <v>0.104</v>
      </c>
      <c r="E16" s="21">
        <v>1</v>
      </c>
      <c r="J16" s="22"/>
      <c r="K16" s="22"/>
      <c r="L16" s="22"/>
      <c r="M16" s="22"/>
      <c r="N16" s="22"/>
    </row>
    <row r="17" spans="1:14">
      <c r="A17" s="71" t="s">
        <v>589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25"/>
      <c r="B18" s="25"/>
      <c r="C18" s="25"/>
      <c r="D18" s="25"/>
      <c r="E18" s="25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8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8.875" style="18" customWidth="1"/>
    <col min="8" max="16384" width="9" style="18"/>
  </cols>
  <sheetData>
    <row r="1" spans="1:17">
      <c r="A1" s="70" t="s">
        <v>321</v>
      </c>
      <c r="B1" s="70"/>
      <c r="C1" s="70"/>
      <c r="D1" s="70"/>
      <c r="E1" s="70"/>
      <c r="F1" s="70"/>
      <c r="G1" s="70"/>
    </row>
    <row r="2" spans="1:17">
      <c r="A2" s="121" t="s">
        <v>613</v>
      </c>
      <c r="B2" s="36"/>
      <c r="C2" s="36"/>
      <c r="D2" s="36"/>
      <c r="E2" s="36"/>
      <c r="F2" s="36"/>
      <c r="G2" s="36"/>
    </row>
    <row r="3" spans="1:17">
      <c r="A3" s="75" t="s">
        <v>131</v>
      </c>
      <c r="B3" s="76" t="s">
        <v>39</v>
      </c>
      <c r="C3" s="76"/>
      <c r="D3" s="76"/>
      <c r="E3" s="76"/>
      <c r="F3" s="76"/>
      <c r="G3" s="76"/>
    </row>
    <row r="4" spans="1:17" ht="42.75">
      <c r="A4" s="75"/>
      <c r="B4" s="11" t="s">
        <v>33</v>
      </c>
      <c r="C4" s="11" t="s">
        <v>34</v>
      </c>
      <c r="D4" s="11" t="s">
        <v>137</v>
      </c>
      <c r="E4" s="11" t="s">
        <v>35</v>
      </c>
      <c r="F4" s="11" t="s">
        <v>22</v>
      </c>
      <c r="G4" s="11" t="s">
        <v>15</v>
      </c>
    </row>
    <row r="5" spans="1:17">
      <c r="A5" s="73" t="s">
        <v>132</v>
      </c>
      <c r="B5" s="20">
        <v>2868</v>
      </c>
      <c r="C5" s="20">
        <v>62</v>
      </c>
      <c r="D5" s="20">
        <v>9</v>
      </c>
      <c r="E5" s="20">
        <v>2</v>
      </c>
      <c r="F5" s="20">
        <v>2</v>
      </c>
      <c r="G5" s="20">
        <v>2943</v>
      </c>
    </row>
    <row r="6" spans="1:17">
      <c r="A6" s="77"/>
      <c r="B6" s="21">
        <v>0.97499999999999998</v>
      </c>
      <c r="C6" s="21">
        <v>2.1000000000000001E-2</v>
      </c>
      <c r="D6" s="21">
        <v>3.0000000000000001E-3</v>
      </c>
      <c r="E6" s="21">
        <v>1E-3</v>
      </c>
      <c r="F6" s="21">
        <v>1E-3</v>
      </c>
      <c r="G6" s="21">
        <v>1</v>
      </c>
      <c r="L6" s="22"/>
      <c r="M6" s="22"/>
      <c r="N6" s="22"/>
      <c r="O6" s="22"/>
      <c r="P6" s="22"/>
      <c r="Q6" s="22"/>
    </row>
    <row r="7" spans="1:17" s="23" customFormat="1">
      <c r="A7" s="73" t="s">
        <v>133</v>
      </c>
      <c r="B7" s="20">
        <v>2263</v>
      </c>
      <c r="C7" s="20">
        <v>52</v>
      </c>
      <c r="D7" s="20">
        <v>9</v>
      </c>
      <c r="E7" s="20">
        <v>1</v>
      </c>
      <c r="F7" s="20">
        <v>3</v>
      </c>
      <c r="G7" s="20">
        <v>2328</v>
      </c>
    </row>
    <row r="8" spans="1:17">
      <c r="A8" s="74"/>
      <c r="B8" s="21">
        <v>0.97199999999999998</v>
      </c>
      <c r="C8" s="21">
        <v>2.1999999999999999E-2</v>
      </c>
      <c r="D8" s="21">
        <v>4.0000000000000001E-3</v>
      </c>
      <c r="E8" s="21">
        <v>0</v>
      </c>
      <c r="F8" s="21">
        <v>1E-3</v>
      </c>
      <c r="G8" s="21">
        <v>1</v>
      </c>
      <c r="L8" s="22"/>
      <c r="M8" s="22"/>
      <c r="N8" s="22"/>
      <c r="O8" s="22"/>
      <c r="P8" s="22"/>
      <c r="Q8" s="22"/>
    </row>
    <row r="9" spans="1:17">
      <c r="A9" s="73" t="s">
        <v>134</v>
      </c>
      <c r="B9" s="24">
        <v>626</v>
      </c>
      <c r="C9" s="24">
        <v>19</v>
      </c>
      <c r="D9" s="24">
        <v>6</v>
      </c>
      <c r="E9" s="24">
        <v>1</v>
      </c>
      <c r="F9" s="24">
        <v>2</v>
      </c>
      <c r="G9" s="24">
        <v>654</v>
      </c>
      <c r="L9" s="22"/>
      <c r="M9" s="22"/>
      <c r="N9" s="22"/>
      <c r="O9" s="22"/>
      <c r="P9" s="22"/>
    </row>
    <row r="10" spans="1:17">
      <c r="A10" s="74"/>
      <c r="B10" s="21">
        <v>0.95699999999999996</v>
      </c>
      <c r="C10" s="21">
        <v>2.9000000000000001E-2</v>
      </c>
      <c r="D10" s="21">
        <v>8.9999999999999993E-3</v>
      </c>
      <c r="E10" s="21">
        <v>2E-3</v>
      </c>
      <c r="F10" s="21">
        <v>3.0000000000000001E-3</v>
      </c>
      <c r="G10" s="21">
        <v>1</v>
      </c>
      <c r="L10" s="22"/>
      <c r="M10" s="22"/>
      <c r="N10" s="22"/>
      <c r="O10" s="22"/>
      <c r="P10" s="22"/>
      <c r="Q10" s="22"/>
    </row>
    <row r="11" spans="1:17">
      <c r="A11" s="78" t="s">
        <v>135</v>
      </c>
      <c r="B11" s="24">
        <v>93</v>
      </c>
      <c r="C11" s="24">
        <v>5</v>
      </c>
      <c r="D11" s="24">
        <v>0</v>
      </c>
      <c r="E11" s="24">
        <v>0</v>
      </c>
      <c r="F11" s="24">
        <v>0</v>
      </c>
      <c r="G11" s="24">
        <v>98</v>
      </c>
      <c r="L11" s="22"/>
      <c r="M11" s="22"/>
      <c r="N11" s="22"/>
      <c r="O11" s="22"/>
      <c r="P11" s="22"/>
    </row>
    <row r="12" spans="1:17">
      <c r="A12" s="79"/>
      <c r="B12" s="21">
        <v>0.94899999999999995</v>
      </c>
      <c r="C12" s="21">
        <v>5.0999999999999997E-2</v>
      </c>
      <c r="D12" s="21">
        <v>0</v>
      </c>
      <c r="E12" s="21">
        <v>0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46</v>
      </c>
      <c r="C13" s="24">
        <v>0</v>
      </c>
      <c r="D13" s="24">
        <v>1</v>
      </c>
      <c r="E13" s="24">
        <v>0</v>
      </c>
      <c r="F13" s="24">
        <v>0</v>
      </c>
      <c r="G13" s="24">
        <v>47</v>
      </c>
      <c r="L13" s="22"/>
      <c r="M13" s="22"/>
      <c r="N13" s="22"/>
      <c r="O13" s="22"/>
      <c r="P13" s="22"/>
    </row>
    <row r="14" spans="1:17">
      <c r="A14" s="74"/>
      <c r="B14" s="21">
        <v>0.97899999999999998</v>
      </c>
      <c r="C14" s="21">
        <v>0</v>
      </c>
      <c r="D14" s="21">
        <v>2.1000000000000001E-2</v>
      </c>
      <c r="E14" s="21">
        <v>0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5896</v>
      </c>
      <c r="C15" s="20">
        <v>138</v>
      </c>
      <c r="D15" s="20">
        <v>25</v>
      </c>
      <c r="E15" s="20">
        <v>4</v>
      </c>
      <c r="F15" s="20">
        <v>7</v>
      </c>
      <c r="G15" s="20">
        <v>6070</v>
      </c>
    </row>
    <row r="16" spans="1:17">
      <c r="A16" s="74"/>
      <c r="B16" s="21">
        <v>0.97099999999999997</v>
      </c>
      <c r="C16" s="21">
        <v>2.3E-2</v>
      </c>
      <c r="D16" s="21">
        <v>4.0000000000000001E-3</v>
      </c>
      <c r="E16" s="21">
        <v>1E-3</v>
      </c>
      <c r="F16" s="21">
        <v>1E-3</v>
      </c>
      <c r="G16" s="21">
        <v>1</v>
      </c>
      <c r="L16" s="22"/>
      <c r="M16" s="22"/>
      <c r="N16" s="22"/>
      <c r="O16" s="22"/>
      <c r="P16" s="22"/>
      <c r="Q16" s="22"/>
    </row>
    <row r="17" spans="1:16">
      <c r="A17" s="71" t="s">
        <v>40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6">
      <c r="A18" s="25"/>
      <c r="B18" s="25"/>
      <c r="C18" s="25"/>
      <c r="D18" s="25"/>
      <c r="E18" s="25"/>
      <c r="F18" s="25"/>
      <c r="G18" s="25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P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8.875" style="18" customWidth="1"/>
    <col min="6" max="16384" width="9" style="18"/>
  </cols>
  <sheetData>
    <row r="1" spans="1:16">
      <c r="A1" s="70" t="s">
        <v>246</v>
      </c>
      <c r="B1" s="70"/>
      <c r="C1" s="70"/>
      <c r="D1" s="70"/>
      <c r="E1" s="70"/>
    </row>
    <row r="2" spans="1:16">
      <c r="A2" s="121" t="s">
        <v>613</v>
      </c>
      <c r="B2" s="36"/>
      <c r="C2" s="36"/>
      <c r="D2" s="36"/>
      <c r="E2" s="36"/>
    </row>
    <row r="3" spans="1:16">
      <c r="A3" s="75" t="s">
        <v>6</v>
      </c>
      <c r="B3" s="76" t="s">
        <v>258</v>
      </c>
      <c r="C3" s="76"/>
      <c r="D3" s="76"/>
      <c r="E3" s="76"/>
    </row>
    <row r="4" spans="1:16" ht="13.9" customHeight="1">
      <c r="A4" s="75"/>
      <c r="B4" s="11" t="s">
        <v>25</v>
      </c>
      <c r="C4" s="11" t="s">
        <v>145</v>
      </c>
      <c r="D4" s="11" t="s">
        <v>22</v>
      </c>
      <c r="E4" s="12" t="s">
        <v>15</v>
      </c>
    </row>
    <row r="5" spans="1:16">
      <c r="A5" s="73" t="s">
        <v>7</v>
      </c>
      <c r="B5" s="20">
        <v>508</v>
      </c>
      <c r="C5" s="20">
        <v>137</v>
      </c>
      <c r="D5" s="20">
        <v>57</v>
      </c>
      <c r="E5" s="20">
        <v>702</v>
      </c>
    </row>
    <row r="6" spans="1:16">
      <c r="A6" s="77"/>
      <c r="B6" s="21">
        <v>0.72399999999999998</v>
      </c>
      <c r="C6" s="21">
        <v>0.19500000000000001</v>
      </c>
      <c r="D6" s="21">
        <v>8.1000000000000003E-2</v>
      </c>
      <c r="E6" s="21">
        <v>1</v>
      </c>
      <c r="M6" s="22"/>
      <c r="N6" s="22"/>
      <c r="O6" s="22"/>
      <c r="P6" s="22"/>
    </row>
    <row r="7" spans="1:16">
      <c r="A7" s="73" t="s">
        <v>8</v>
      </c>
      <c r="B7" s="24">
        <v>117</v>
      </c>
      <c r="C7" s="24">
        <v>17</v>
      </c>
      <c r="D7" s="24">
        <v>14</v>
      </c>
      <c r="E7" s="20">
        <v>148</v>
      </c>
      <c r="J7" s="22"/>
      <c r="K7" s="22"/>
      <c r="L7" s="22"/>
      <c r="M7" s="22"/>
      <c r="N7" s="22"/>
    </row>
    <row r="8" spans="1:16">
      <c r="A8" s="74"/>
      <c r="B8" s="21">
        <v>0.79100000000000004</v>
      </c>
      <c r="C8" s="21">
        <v>0.115</v>
      </c>
      <c r="D8" s="21">
        <v>9.5000000000000001E-2</v>
      </c>
      <c r="E8" s="21">
        <v>1</v>
      </c>
      <c r="M8" s="22"/>
      <c r="N8" s="22"/>
      <c r="O8" s="22"/>
      <c r="P8" s="22"/>
    </row>
    <row r="9" spans="1:16">
      <c r="A9" s="73" t="s">
        <v>9</v>
      </c>
      <c r="B9" s="24">
        <v>192</v>
      </c>
      <c r="C9" s="24">
        <v>68</v>
      </c>
      <c r="D9" s="24">
        <v>27</v>
      </c>
      <c r="E9" s="24">
        <v>287</v>
      </c>
      <c r="J9" s="22"/>
      <c r="K9" s="22"/>
      <c r="L9" s="22"/>
      <c r="M9" s="22"/>
      <c r="N9" s="22"/>
    </row>
    <row r="10" spans="1:16">
      <c r="A10" s="74"/>
      <c r="B10" s="21">
        <v>0.66900000000000004</v>
      </c>
      <c r="C10" s="21">
        <v>0.23699999999999999</v>
      </c>
      <c r="D10" s="21">
        <v>9.4E-2</v>
      </c>
      <c r="E10" s="21">
        <v>1</v>
      </c>
      <c r="M10" s="22"/>
      <c r="N10" s="22"/>
      <c r="O10" s="22"/>
      <c r="P10" s="22"/>
    </row>
    <row r="11" spans="1:16">
      <c r="A11" s="78" t="s">
        <v>10</v>
      </c>
      <c r="B11" s="24">
        <v>51</v>
      </c>
      <c r="C11" s="24">
        <v>10</v>
      </c>
      <c r="D11" s="24">
        <v>6</v>
      </c>
      <c r="E11" s="24">
        <v>67</v>
      </c>
      <c r="J11" s="22"/>
      <c r="K11" s="22"/>
      <c r="L11" s="22"/>
      <c r="M11" s="22"/>
      <c r="N11" s="22"/>
    </row>
    <row r="12" spans="1:16">
      <c r="A12" s="79"/>
      <c r="B12" s="21">
        <v>0.76100000000000001</v>
      </c>
      <c r="C12" s="21">
        <v>0.14899999999999999</v>
      </c>
      <c r="D12" s="21">
        <v>0.09</v>
      </c>
      <c r="E12" s="21">
        <v>1</v>
      </c>
      <c r="M12" s="22"/>
      <c r="N12" s="22"/>
      <c r="O12" s="22"/>
      <c r="P12" s="22"/>
    </row>
    <row r="13" spans="1:16">
      <c r="A13" s="73" t="s">
        <v>11</v>
      </c>
      <c r="B13" s="24">
        <v>48</v>
      </c>
      <c r="C13" s="24">
        <v>9</v>
      </c>
      <c r="D13" s="24">
        <v>8</v>
      </c>
      <c r="E13" s="24">
        <v>65</v>
      </c>
      <c r="J13" s="22"/>
      <c r="K13" s="22"/>
      <c r="L13" s="22"/>
      <c r="M13" s="22"/>
      <c r="N13" s="22"/>
    </row>
    <row r="14" spans="1:16">
      <c r="A14" s="74"/>
      <c r="B14" s="21">
        <v>0.73799999999999999</v>
      </c>
      <c r="C14" s="21">
        <v>0.13800000000000001</v>
      </c>
      <c r="D14" s="21">
        <v>0.123</v>
      </c>
      <c r="E14" s="21">
        <v>1</v>
      </c>
      <c r="M14" s="22"/>
      <c r="N14" s="22"/>
      <c r="O14" s="22"/>
      <c r="P14" s="22"/>
    </row>
    <row r="15" spans="1:16">
      <c r="A15" s="73" t="s">
        <v>12</v>
      </c>
      <c r="B15" s="24">
        <v>43</v>
      </c>
      <c r="C15" s="24">
        <v>15</v>
      </c>
      <c r="D15" s="24">
        <v>9</v>
      </c>
      <c r="E15" s="24">
        <v>67</v>
      </c>
      <c r="J15" s="22"/>
      <c r="K15" s="22"/>
      <c r="L15" s="22"/>
      <c r="M15" s="22"/>
      <c r="N15" s="22"/>
    </row>
    <row r="16" spans="1:16">
      <c r="A16" s="74"/>
      <c r="B16" s="21">
        <v>0.64200000000000002</v>
      </c>
      <c r="C16" s="21">
        <v>0.224</v>
      </c>
      <c r="D16" s="21">
        <v>0.13400000000000001</v>
      </c>
      <c r="E16" s="21">
        <v>1</v>
      </c>
      <c r="M16" s="22"/>
      <c r="N16" s="22"/>
      <c r="O16" s="22"/>
      <c r="P16" s="22"/>
    </row>
    <row r="17" spans="1:16">
      <c r="A17" s="73" t="s">
        <v>13</v>
      </c>
      <c r="B17" s="24">
        <v>219</v>
      </c>
      <c r="C17" s="24">
        <v>85</v>
      </c>
      <c r="D17" s="24">
        <v>47</v>
      </c>
      <c r="E17" s="24">
        <v>351</v>
      </c>
      <c r="J17" s="22"/>
      <c r="K17" s="22"/>
      <c r="L17" s="22"/>
      <c r="M17" s="22"/>
      <c r="N17" s="22"/>
    </row>
    <row r="18" spans="1:16">
      <c r="A18" s="74"/>
      <c r="B18" s="21">
        <v>0.624</v>
      </c>
      <c r="C18" s="21">
        <v>0.24199999999999999</v>
      </c>
      <c r="D18" s="21">
        <v>0.13400000000000001</v>
      </c>
      <c r="E18" s="21">
        <v>1</v>
      </c>
      <c r="M18" s="22"/>
      <c r="N18" s="22"/>
      <c r="O18" s="22"/>
      <c r="P18" s="22"/>
    </row>
    <row r="19" spans="1:16">
      <c r="A19" s="73" t="s">
        <v>14</v>
      </c>
      <c r="B19" s="24">
        <v>42</v>
      </c>
      <c r="C19" s="24">
        <v>11</v>
      </c>
      <c r="D19" s="24">
        <v>10</v>
      </c>
      <c r="E19" s="24">
        <v>63</v>
      </c>
      <c r="J19" s="22"/>
      <c r="K19" s="22"/>
      <c r="L19" s="22"/>
      <c r="M19" s="22"/>
      <c r="N19" s="22"/>
    </row>
    <row r="20" spans="1:16">
      <c r="A20" s="74"/>
      <c r="B20" s="21">
        <v>0.66700000000000004</v>
      </c>
      <c r="C20" s="21">
        <v>0.17499999999999999</v>
      </c>
      <c r="D20" s="21">
        <v>0.159</v>
      </c>
      <c r="E20" s="21">
        <v>1</v>
      </c>
      <c r="M20" s="22"/>
      <c r="N20" s="22"/>
      <c r="O20" s="22"/>
      <c r="P20" s="22"/>
    </row>
    <row r="21" spans="1:16">
      <c r="A21" s="72" t="s">
        <v>22</v>
      </c>
      <c r="B21" s="34">
        <v>9</v>
      </c>
      <c r="C21" s="34">
        <v>2</v>
      </c>
      <c r="D21" s="34">
        <v>6</v>
      </c>
      <c r="E21" s="34">
        <v>17</v>
      </c>
      <c r="J21" s="22"/>
      <c r="K21" s="22"/>
      <c r="L21" s="22"/>
      <c r="M21" s="22"/>
      <c r="N21" s="22"/>
    </row>
    <row r="22" spans="1:16" s="26" customFormat="1">
      <c r="A22" s="72"/>
      <c r="B22" s="33">
        <v>0.52900000000000003</v>
      </c>
      <c r="C22" s="33">
        <v>0.11799999999999999</v>
      </c>
      <c r="D22" s="33">
        <v>0.35299999999999998</v>
      </c>
      <c r="E22" s="33">
        <v>1</v>
      </c>
    </row>
    <row r="23" spans="1:16" s="23" customFormat="1" ht="13.9" customHeight="1">
      <c r="A23" s="73" t="s">
        <v>15</v>
      </c>
      <c r="B23" s="20">
        <v>1229</v>
      </c>
      <c r="C23" s="20">
        <v>354</v>
      </c>
      <c r="D23" s="20">
        <v>184</v>
      </c>
      <c r="E23" s="20">
        <v>1767</v>
      </c>
    </row>
    <row r="24" spans="1:16">
      <c r="A24" s="74"/>
      <c r="B24" s="21">
        <v>0.69599999999999995</v>
      </c>
      <c r="C24" s="21">
        <v>0.2</v>
      </c>
      <c r="D24" s="21">
        <v>0.104</v>
      </c>
      <c r="E24" s="21">
        <v>1</v>
      </c>
      <c r="M24" s="22"/>
      <c r="N24" s="22"/>
      <c r="O24" s="22"/>
      <c r="P24" s="22"/>
    </row>
    <row r="25" spans="1:16" ht="31.15" customHeight="1">
      <c r="A25" s="71" t="s">
        <v>589</v>
      </c>
      <c r="B25" s="71"/>
      <c r="C25" s="71"/>
      <c r="D25" s="71"/>
      <c r="E25" s="71"/>
      <c r="J25" s="22"/>
      <c r="K25" s="22"/>
      <c r="L25" s="22"/>
      <c r="M25" s="22"/>
      <c r="N25" s="22"/>
    </row>
    <row r="26" spans="1:16">
      <c r="A26" s="25"/>
      <c r="B26" s="25"/>
      <c r="C26" s="25"/>
      <c r="D26" s="25"/>
      <c r="E26" s="25"/>
    </row>
  </sheetData>
  <mergeCells count="14">
    <mergeCell ref="A23:A24"/>
    <mergeCell ref="A25:E25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9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3" width="8.875" style="18" customWidth="1"/>
    <col min="4" max="4" width="9.5" style="18" bestFit="1" customWidth="1"/>
    <col min="5" max="6" width="8.875" style="18" customWidth="1"/>
    <col min="7" max="16384" width="9" style="18"/>
  </cols>
  <sheetData>
    <row r="1" spans="1:16">
      <c r="A1" s="70" t="s">
        <v>322</v>
      </c>
      <c r="B1" s="70"/>
      <c r="C1" s="70"/>
      <c r="D1" s="70"/>
      <c r="E1" s="70"/>
      <c r="F1" s="70"/>
    </row>
    <row r="2" spans="1:16">
      <c r="A2" s="121" t="s">
        <v>613</v>
      </c>
      <c r="B2" s="36"/>
      <c r="C2" s="36"/>
      <c r="D2" s="36"/>
      <c r="E2" s="36"/>
      <c r="F2" s="36"/>
    </row>
    <row r="3" spans="1:16">
      <c r="A3" s="75" t="s">
        <v>131</v>
      </c>
      <c r="B3" s="76" t="s">
        <v>257</v>
      </c>
      <c r="C3" s="76"/>
      <c r="D3" s="76"/>
      <c r="E3" s="76"/>
      <c r="F3" s="76"/>
    </row>
    <row r="4" spans="1:16">
      <c r="A4" s="75"/>
      <c r="B4" s="11" t="s">
        <v>152</v>
      </c>
      <c r="C4" s="11" t="s">
        <v>153</v>
      </c>
      <c r="D4" s="11" t="s">
        <v>145</v>
      </c>
      <c r="E4" s="11" t="s">
        <v>22</v>
      </c>
      <c r="F4" s="11" t="s">
        <v>15</v>
      </c>
    </row>
    <row r="5" spans="1:16">
      <c r="A5" s="73" t="s">
        <v>132</v>
      </c>
      <c r="B5" s="20">
        <v>316</v>
      </c>
      <c r="C5" s="20">
        <v>1898</v>
      </c>
      <c r="D5" s="20">
        <v>377</v>
      </c>
      <c r="E5" s="20">
        <v>277</v>
      </c>
      <c r="F5" s="20">
        <v>2868</v>
      </c>
    </row>
    <row r="6" spans="1:16">
      <c r="A6" s="77"/>
      <c r="B6" s="21">
        <v>0.11</v>
      </c>
      <c r="C6" s="21">
        <v>0.66200000000000003</v>
      </c>
      <c r="D6" s="21">
        <v>0.13100000000000001</v>
      </c>
      <c r="E6" s="21">
        <v>9.7000000000000003E-2</v>
      </c>
      <c r="F6" s="21">
        <v>1</v>
      </c>
      <c r="K6" s="22"/>
      <c r="L6" s="22"/>
      <c r="M6" s="22"/>
      <c r="N6" s="22"/>
      <c r="O6" s="22"/>
      <c r="P6" s="22"/>
    </row>
    <row r="7" spans="1:16" s="23" customFormat="1">
      <c r="A7" s="73" t="s">
        <v>133</v>
      </c>
      <c r="B7" s="20">
        <v>214</v>
      </c>
      <c r="C7" s="20">
        <v>1517</v>
      </c>
      <c r="D7" s="20">
        <v>326</v>
      </c>
      <c r="E7" s="20">
        <v>206</v>
      </c>
      <c r="F7" s="20">
        <v>2263</v>
      </c>
    </row>
    <row r="8" spans="1:16">
      <c r="A8" s="74"/>
      <c r="B8" s="21">
        <v>9.5000000000000001E-2</v>
      </c>
      <c r="C8" s="21">
        <v>0.67</v>
      </c>
      <c r="D8" s="21">
        <v>0.14399999999999999</v>
      </c>
      <c r="E8" s="21">
        <v>9.0999999999999998E-2</v>
      </c>
      <c r="F8" s="21">
        <v>1</v>
      </c>
      <c r="K8" s="22"/>
      <c r="L8" s="22"/>
      <c r="M8" s="22"/>
      <c r="N8" s="22"/>
      <c r="O8" s="22"/>
      <c r="P8" s="22"/>
    </row>
    <row r="9" spans="1:16">
      <c r="A9" s="73" t="s">
        <v>134</v>
      </c>
      <c r="B9" s="24">
        <v>53</v>
      </c>
      <c r="C9" s="24">
        <v>413</v>
      </c>
      <c r="D9" s="24">
        <v>93</v>
      </c>
      <c r="E9" s="24">
        <v>67</v>
      </c>
      <c r="F9" s="24">
        <v>626</v>
      </c>
      <c r="K9" s="22"/>
      <c r="L9" s="22"/>
      <c r="M9" s="22"/>
      <c r="N9" s="22"/>
      <c r="O9" s="22"/>
    </row>
    <row r="10" spans="1:16">
      <c r="A10" s="74"/>
      <c r="B10" s="21">
        <v>8.5000000000000006E-2</v>
      </c>
      <c r="C10" s="21">
        <v>0.66</v>
      </c>
      <c r="D10" s="21">
        <v>0.14899999999999999</v>
      </c>
      <c r="E10" s="21">
        <v>0.107</v>
      </c>
      <c r="F10" s="21">
        <v>1</v>
      </c>
      <c r="K10" s="22"/>
      <c r="L10" s="22"/>
      <c r="M10" s="22"/>
      <c r="N10" s="22"/>
      <c r="O10" s="22"/>
      <c r="P10" s="22"/>
    </row>
    <row r="11" spans="1:16">
      <c r="A11" s="78" t="s">
        <v>135</v>
      </c>
      <c r="B11" s="24">
        <v>7</v>
      </c>
      <c r="C11" s="24">
        <v>55</v>
      </c>
      <c r="D11" s="24">
        <v>17</v>
      </c>
      <c r="E11" s="24">
        <v>14</v>
      </c>
      <c r="F11" s="24">
        <v>93</v>
      </c>
      <c r="K11" s="22"/>
      <c r="L11" s="22"/>
      <c r="M11" s="22"/>
      <c r="N11" s="22"/>
      <c r="O11" s="22"/>
    </row>
    <row r="12" spans="1:16">
      <c r="A12" s="79"/>
      <c r="B12" s="21">
        <v>7.4999999999999997E-2</v>
      </c>
      <c r="C12" s="21">
        <v>0.59099999999999997</v>
      </c>
      <c r="D12" s="21">
        <v>0.183</v>
      </c>
      <c r="E12" s="21">
        <v>0.151</v>
      </c>
      <c r="F12" s="21">
        <v>1</v>
      </c>
      <c r="K12" s="22"/>
      <c r="L12" s="22"/>
      <c r="M12" s="22"/>
      <c r="N12" s="22"/>
      <c r="O12" s="22"/>
      <c r="P12" s="22"/>
    </row>
    <row r="13" spans="1:16">
      <c r="A13" s="73" t="s">
        <v>22</v>
      </c>
      <c r="B13" s="24">
        <v>5</v>
      </c>
      <c r="C13" s="24">
        <v>26</v>
      </c>
      <c r="D13" s="24">
        <v>9</v>
      </c>
      <c r="E13" s="24">
        <v>6</v>
      </c>
      <c r="F13" s="24">
        <v>46</v>
      </c>
      <c r="K13" s="22"/>
      <c r="L13" s="22"/>
      <c r="M13" s="22"/>
      <c r="N13" s="22"/>
      <c r="O13" s="22"/>
    </row>
    <row r="14" spans="1:16">
      <c r="A14" s="74"/>
      <c r="B14" s="21">
        <v>0.109</v>
      </c>
      <c r="C14" s="21">
        <v>0.56499999999999995</v>
      </c>
      <c r="D14" s="21">
        <v>0.19600000000000001</v>
      </c>
      <c r="E14" s="21">
        <v>0.13</v>
      </c>
      <c r="F14" s="21">
        <v>1</v>
      </c>
      <c r="K14" s="22"/>
      <c r="L14" s="22"/>
      <c r="M14" s="22"/>
      <c r="N14" s="22"/>
      <c r="O14" s="22"/>
      <c r="P14" s="22"/>
    </row>
    <row r="15" spans="1:16" s="23" customFormat="1">
      <c r="A15" s="73" t="s">
        <v>15</v>
      </c>
      <c r="B15" s="20">
        <v>595</v>
      </c>
      <c r="C15" s="20">
        <v>3909</v>
      </c>
      <c r="D15" s="20">
        <v>822</v>
      </c>
      <c r="E15" s="20">
        <v>570</v>
      </c>
      <c r="F15" s="20">
        <v>5896</v>
      </c>
    </row>
    <row r="16" spans="1:16">
      <c r="A16" s="74"/>
      <c r="B16" s="21">
        <v>0.10100000000000001</v>
      </c>
      <c r="C16" s="21">
        <v>0.66300000000000003</v>
      </c>
      <c r="D16" s="21">
        <v>0.13900000000000001</v>
      </c>
      <c r="E16" s="21">
        <v>9.7000000000000003E-2</v>
      </c>
      <c r="F16" s="21">
        <v>1</v>
      </c>
      <c r="K16" s="22"/>
      <c r="L16" s="22"/>
      <c r="M16" s="22"/>
      <c r="N16" s="22"/>
      <c r="O16" s="22"/>
      <c r="P16" s="22"/>
    </row>
    <row r="17" spans="1:15">
      <c r="A17" s="71" t="s">
        <v>591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25"/>
      <c r="B18" s="25"/>
      <c r="C18" s="25"/>
      <c r="D18" s="25"/>
      <c r="E18" s="25"/>
      <c r="F18" s="25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0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9" style="18" customWidth="1"/>
    <col min="6" max="16384" width="9" style="18"/>
  </cols>
  <sheetData>
    <row r="1" spans="1:15">
      <c r="A1" s="70" t="s">
        <v>323</v>
      </c>
      <c r="B1" s="70"/>
      <c r="C1" s="70"/>
      <c r="D1" s="70"/>
      <c r="E1" s="70"/>
    </row>
    <row r="2" spans="1:15">
      <c r="A2" s="121" t="s">
        <v>613</v>
      </c>
      <c r="B2" s="36"/>
      <c r="C2" s="36"/>
      <c r="D2" s="36"/>
      <c r="E2" s="36"/>
    </row>
    <row r="3" spans="1:15">
      <c r="A3" s="75" t="s">
        <v>131</v>
      </c>
      <c r="B3" s="76" t="s">
        <v>42</v>
      </c>
      <c r="C3" s="76"/>
      <c r="D3" s="76"/>
      <c r="E3" s="76"/>
    </row>
    <row r="4" spans="1:15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5">
      <c r="A5" s="73" t="s">
        <v>132</v>
      </c>
      <c r="B5" s="20">
        <v>1745</v>
      </c>
      <c r="C5" s="20">
        <v>1183</v>
      </c>
      <c r="D5" s="20">
        <v>15</v>
      </c>
      <c r="E5" s="20">
        <v>2943</v>
      </c>
    </row>
    <row r="6" spans="1:15">
      <c r="A6" s="77"/>
      <c r="B6" s="21">
        <v>0.59299999999999997</v>
      </c>
      <c r="C6" s="21">
        <v>0.40200000000000002</v>
      </c>
      <c r="D6" s="21">
        <v>5.0000000000000001E-3</v>
      </c>
      <c r="E6" s="21">
        <v>1</v>
      </c>
      <c r="J6" s="22"/>
      <c r="K6" s="22"/>
      <c r="L6" s="22"/>
      <c r="M6" s="22"/>
      <c r="N6" s="22"/>
      <c r="O6" s="22"/>
    </row>
    <row r="7" spans="1:15" s="23" customFormat="1">
      <c r="A7" s="73" t="s">
        <v>133</v>
      </c>
      <c r="B7" s="20">
        <v>1291</v>
      </c>
      <c r="C7" s="20">
        <v>1024</v>
      </c>
      <c r="D7" s="20">
        <v>13</v>
      </c>
      <c r="E7" s="20">
        <v>2328</v>
      </c>
    </row>
    <row r="8" spans="1:15">
      <c r="A8" s="74"/>
      <c r="B8" s="21">
        <v>0.55500000000000005</v>
      </c>
      <c r="C8" s="21">
        <v>0.44</v>
      </c>
      <c r="D8" s="21">
        <v>6.0000000000000001E-3</v>
      </c>
      <c r="E8" s="21">
        <v>1</v>
      </c>
      <c r="J8" s="22"/>
      <c r="K8" s="22"/>
      <c r="L8" s="22"/>
      <c r="M8" s="22"/>
      <c r="N8" s="22"/>
      <c r="O8" s="22"/>
    </row>
    <row r="9" spans="1:15">
      <c r="A9" s="73" t="s">
        <v>134</v>
      </c>
      <c r="B9" s="24">
        <v>358</v>
      </c>
      <c r="C9" s="24">
        <v>292</v>
      </c>
      <c r="D9" s="24">
        <v>4</v>
      </c>
      <c r="E9" s="24">
        <v>654</v>
      </c>
      <c r="J9" s="22"/>
      <c r="K9" s="22"/>
      <c r="L9" s="22"/>
      <c r="M9" s="22"/>
      <c r="N9" s="22"/>
    </row>
    <row r="10" spans="1:15">
      <c r="A10" s="74"/>
      <c r="B10" s="21">
        <v>0.54700000000000004</v>
      </c>
      <c r="C10" s="21">
        <v>0.44600000000000001</v>
      </c>
      <c r="D10" s="21">
        <v>6.0000000000000001E-3</v>
      </c>
      <c r="E10" s="21">
        <v>1</v>
      </c>
      <c r="J10" s="22"/>
      <c r="K10" s="22"/>
      <c r="L10" s="22"/>
      <c r="M10" s="22"/>
      <c r="N10" s="22"/>
      <c r="O10" s="22"/>
    </row>
    <row r="11" spans="1:15">
      <c r="A11" s="78" t="s">
        <v>135</v>
      </c>
      <c r="B11" s="24">
        <v>59</v>
      </c>
      <c r="C11" s="24">
        <v>38</v>
      </c>
      <c r="D11" s="24">
        <v>1</v>
      </c>
      <c r="E11" s="24">
        <v>98</v>
      </c>
      <c r="J11" s="22"/>
      <c r="K11" s="22"/>
      <c r="L11" s="22"/>
      <c r="M11" s="22"/>
      <c r="N11" s="22"/>
    </row>
    <row r="12" spans="1:15">
      <c r="A12" s="79"/>
      <c r="B12" s="21">
        <v>0.60199999999999998</v>
      </c>
      <c r="C12" s="21">
        <v>0.38800000000000001</v>
      </c>
      <c r="D12" s="21">
        <v>0.01</v>
      </c>
      <c r="E12" s="21">
        <v>1</v>
      </c>
      <c r="J12" s="22"/>
      <c r="K12" s="22"/>
      <c r="L12" s="22"/>
      <c r="M12" s="22"/>
      <c r="N12" s="22"/>
      <c r="O12" s="22"/>
    </row>
    <row r="13" spans="1:15">
      <c r="A13" s="73" t="s">
        <v>22</v>
      </c>
      <c r="B13" s="24">
        <v>22</v>
      </c>
      <c r="C13" s="24">
        <v>25</v>
      </c>
      <c r="D13" s="24">
        <v>0</v>
      </c>
      <c r="E13" s="24">
        <v>47</v>
      </c>
      <c r="J13" s="22"/>
      <c r="K13" s="22"/>
      <c r="L13" s="22"/>
      <c r="M13" s="22"/>
      <c r="N13" s="22"/>
    </row>
    <row r="14" spans="1:15">
      <c r="A14" s="74"/>
      <c r="B14" s="21">
        <v>0.46800000000000003</v>
      </c>
      <c r="C14" s="21">
        <v>0.53200000000000003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</row>
    <row r="15" spans="1:15" s="23" customFormat="1">
      <c r="A15" s="73" t="s">
        <v>15</v>
      </c>
      <c r="B15" s="20">
        <v>3475</v>
      </c>
      <c r="C15" s="20">
        <v>2562</v>
      </c>
      <c r="D15" s="20">
        <v>33</v>
      </c>
      <c r="E15" s="20">
        <v>6070</v>
      </c>
    </row>
    <row r="16" spans="1:15">
      <c r="A16" s="74"/>
      <c r="B16" s="21">
        <v>0.57199999999999995</v>
      </c>
      <c r="C16" s="21">
        <v>0.42199999999999999</v>
      </c>
      <c r="D16" s="21">
        <v>5.0000000000000001E-3</v>
      </c>
      <c r="E16" s="21">
        <v>1</v>
      </c>
      <c r="J16" s="22"/>
      <c r="K16" s="22"/>
      <c r="L16" s="22"/>
      <c r="M16" s="22"/>
      <c r="N16" s="22"/>
      <c r="O16" s="22"/>
    </row>
    <row r="17" spans="1:14" ht="14.25" customHeight="1">
      <c r="A17" s="71" t="s">
        <v>45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81"/>
      <c r="B18" s="81"/>
      <c r="C18" s="81"/>
      <c r="D18" s="81"/>
      <c r="E18" s="81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1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18.375" style="18" bestFit="1" customWidth="1"/>
    <col min="3" max="3" width="23.25" style="18" bestFit="1" customWidth="1"/>
    <col min="4" max="5" width="9" style="18" customWidth="1"/>
    <col min="6" max="16384" width="9" style="18"/>
  </cols>
  <sheetData>
    <row r="1" spans="1:15">
      <c r="A1" s="70" t="s">
        <v>324</v>
      </c>
      <c r="B1" s="70"/>
      <c r="C1" s="70"/>
      <c r="D1" s="70"/>
      <c r="E1" s="70"/>
    </row>
    <row r="2" spans="1:15">
      <c r="A2" s="121" t="s">
        <v>613</v>
      </c>
      <c r="B2" s="36"/>
      <c r="C2" s="36"/>
      <c r="D2" s="36"/>
      <c r="E2" s="36"/>
    </row>
    <row r="3" spans="1:15">
      <c r="A3" s="75" t="s">
        <v>131</v>
      </c>
      <c r="B3" s="76" t="s">
        <v>48</v>
      </c>
      <c r="C3" s="76"/>
      <c r="D3" s="76"/>
      <c r="E3" s="76"/>
    </row>
    <row r="4" spans="1:15" ht="28.5">
      <c r="A4" s="75"/>
      <c r="B4" s="11" t="s">
        <v>187</v>
      </c>
      <c r="C4" s="11" t="s">
        <v>188</v>
      </c>
      <c r="D4" s="11" t="s">
        <v>22</v>
      </c>
      <c r="E4" s="11" t="s">
        <v>15</v>
      </c>
    </row>
    <row r="5" spans="1:15">
      <c r="A5" s="73" t="s">
        <v>132</v>
      </c>
      <c r="B5" s="20">
        <v>1917</v>
      </c>
      <c r="C5" s="20">
        <v>1024</v>
      </c>
      <c r="D5" s="20">
        <v>2</v>
      </c>
      <c r="E5" s="20">
        <v>2943</v>
      </c>
    </row>
    <row r="6" spans="1:15">
      <c r="A6" s="77"/>
      <c r="B6" s="21">
        <v>0.65100000000000002</v>
      </c>
      <c r="C6" s="21">
        <v>0.34799999999999998</v>
      </c>
      <c r="D6" s="21">
        <v>1E-3</v>
      </c>
      <c r="E6" s="21">
        <v>1</v>
      </c>
      <c r="J6" s="22"/>
      <c r="K6" s="22"/>
      <c r="L6" s="22"/>
      <c r="M6" s="22"/>
      <c r="N6" s="22"/>
      <c r="O6" s="22"/>
    </row>
    <row r="7" spans="1:15" s="23" customFormat="1">
      <c r="A7" s="73" t="s">
        <v>133</v>
      </c>
      <c r="B7" s="20">
        <v>1582</v>
      </c>
      <c r="C7" s="20">
        <v>743</v>
      </c>
      <c r="D7" s="20">
        <v>3</v>
      </c>
      <c r="E7" s="20">
        <v>2328</v>
      </c>
    </row>
    <row r="8" spans="1:15">
      <c r="A8" s="74"/>
      <c r="B8" s="21">
        <v>0.68</v>
      </c>
      <c r="C8" s="21">
        <v>0.31900000000000001</v>
      </c>
      <c r="D8" s="21">
        <v>1E-3</v>
      </c>
      <c r="E8" s="21">
        <v>1</v>
      </c>
      <c r="J8" s="22"/>
      <c r="K8" s="22"/>
      <c r="L8" s="22"/>
      <c r="M8" s="22"/>
      <c r="N8" s="22"/>
      <c r="O8" s="22"/>
    </row>
    <row r="9" spans="1:15">
      <c r="A9" s="73" t="s">
        <v>134</v>
      </c>
      <c r="B9" s="24">
        <v>444</v>
      </c>
      <c r="C9" s="24">
        <v>210</v>
      </c>
      <c r="D9" s="24">
        <v>0</v>
      </c>
      <c r="E9" s="24">
        <v>654</v>
      </c>
      <c r="J9" s="22"/>
      <c r="K9" s="22"/>
      <c r="L9" s="22"/>
      <c r="M9" s="22"/>
      <c r="N9" s="22"/>
    </row>
    <row r="10" spans="1:15">
      <c r="A10" s="74"/>
      <c r="B10" s="21">
        <v>0.67900000000000005</v>
      </c>
      <c r="C10" s="21">
        <v>0.32100000000000001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</row>
    <row r="11" spans="1:15">
      <c r="A11" s="78" t="s">
        <v>135</v>
      </c>
      <c r="B11" s="24">
        <v>64</v>
      </c>
      <c r="C11" s="24">
        <v>34</v>
      </c>
      <c r="D11" s="24">
        <v>0</v>
      </c>
      <c r="E11" s="24">
        <v>98</v>
      </c>
      <c r="J11" s="22"/>
      <c r="K11" s="22"/>
      <c r="L11" s="22"/>
      <c r="M11" s="22"/>
      <c r="N11" s="22"/>
    </row>
    <row r="12" spans="1:15">
      <c r="A12" s="79"/>
      <c r="B12" s="21">
        <v>0.65300000000000002</v>
      </c>
      <c r="C12" s="21">
        <v>0.34699999999999998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</row>
    <row r="13" spans="1:15">
      <c r="A13" s="73" t="s">
        <v>22</v>
      </c>
      <c r="B13" s="24">
        <v>31</v>
      </c>
      <c r="C13" s="24">
        <v>16</v>
      </c>
      <c r="D13" s="24">
        <v>0</v>
      </c>
      <c r="E13" s="24">
        <v>47</v>
      </c>
      <c r="J13" s="22"/>
      <c r="K13" s="22"/>
      <c r="L13" s="22"/>
      <c r="M13" s="22"/>
      <c r="N13" s="22"/>
    </row>
    <row r="14" spans="1:15">
      <c r="A14" s="74"/>
      <c r="B14" s="21">
        <v>0.66</v>
      </c>
      <c r="C14" s="21">
        <v>0.34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</row>
    <row r="15" spans="1:15" s="23" customFormat="1">
      <c r="A15" s="73" t="s">
        <v>15</v>
      </c>
      <c r="B15" s="20">
        <v>4038</v>
      </c>
      <c r="C15" s="20">
        <v>2027</v>
      </c>
      <c r="D15" s="20">
        <v>5</v>
      </c>
      <c r="E15" s="20">
        <v>6070</v>
      </c>
    </row>
    <row r="16" spans="1:15">
      <c r="A16" s="74"/>
      <c r="B16" s="21">
        <v>0.66500000000000004</v>
      </c>
      <c r="C16" s="21">
        <v>0.33400000000000002</v>
      </c>
      <c r="D16" s="21">
        <v>1E-3</v>
      </c>
      <c r="E16" s="21">
        <v>1</v>
      </c>
      <c r="J16" s="22"/>
      <c r="K16" s="22"/>
      <c r="L16" s="22"/>
      <c r="M16" s="22"/>
      <c r="N16" s="22"/>
      <c r="O16" s="22"/>
    </row>
    <row r="17" spans="1:14">
      <c r="A17" s="71" t="s">
        <v>50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25"/>
      <c r="B18" s="25"/>
      <c r="C18" s="25"/>
      <c r="D18" s="25"/>
      <c r="E18" s="25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2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9" style="18" customWidth="1"/>
    <col min="7" max="16384" width="9" style="18"/>
  </cols>
  <sheetData>
    <row r="1" spans="1:16">
      <c r="A1" s="70" t="s">
        <v>325</v>
      </c>
      <c r="B1" s="70"/>
      <c r="C1" s="70"/>
      <c r="D1" s="70"/>
      <c r="E1" s="70"/>
      <c r="F1" s="70"/>
    </row>
    <row r="2" spans="1:16">
      <c r="A2" s="121" t="s">
        <v>613</v>
      </c>
      <c r="B2" s="36"/>
      <c r="C2" s="36"/>
      <c r="D2" s="36"/>
      <c r="E2" s="36"/>
      <c r="F2" s="36"/>
    </row>
    <row r="3" spans="1:16">
      <c r="A3" s="75" t="s">
        <v>131</v>
      </c>
      <c r="B3" s="76" t="s">
        <v>56</v>
      </c>
      <c r="C3" s="76"/>
      <c r="D3" s="76"/>
      <c r="E3" s="76"/>
      <c r="F3" s="76"/>
    </row>
    <row r="4" spans="1:16" ht="28.5">
      <c r="A4" s="75"/>
      <c r="B4" s="11" t="s">
        <v>52</v>
      </c>
      <c r="C4" s="11" t="s">
        <v>53</v>
      </c>
      <c r="D4" s="11" t="s">
        <v>54</v>
      </c>
      <c r="E4" s="11" t="s">
        <v>22</v>
      </c>
      <c r="F4" s="11" t="s">
        <v>15</v>
      </c>
    </row>
    <row r="5" spans="1:16">
      <c r="A5" s="73" t="s">
        <v>132</v>
      </c>
      <c r="B5" s="20">
        <v>288</v>
      </c>
      <c r="C5" s="20">
        <v>1405</v>
      </c>
      <c r="D5" s="20">
        <v>1250</v>
      </c>
      <c r="E5" s="20">
        <v>0</v>
      </c>
      <c r="F5" s="20">
        <v>2943</v>
      </c>
    </row>
    <row r="6" spans="1:16">
      <c r="A6" s="77"/>
      <c r="B6" s="21">
        <v>9.8000000000000004E-2</v>
      </c>
      <c r="C6" s="21">
        <v>0.47699999999999998</v>
      </c>
      <c r="D6" s="21">
        <v>0.42499999999999999</v>
      </c>
      <c r="E6" s="21">
        <v>0</v>
      </c>
      <c r="F6" s="21">
        <v>1</v>
      </c>
      <c r="K6" s="22"/>
      <c r="L6" s="22"/>
      <c r="M6" s="22"/>
      <c r="N6" s="22"/>
      <c r="O6" s="22"/>
      <c r="P6" s="22"/>
    </row>
    <row r="7" spans="1:16" s="23" customFormat="1">
      <c r="A7" s="73" t="s">
        <v>133</v>
      </c>
      <c r="B7" s="20">
        <v>205</v>
      </c>
      <c r="C7" s="20">
        <v>1027</v>
      </c>
      <c r="D7" s="20">
        <v>1093</v>
      </c>
      <c r="E7" s="20">
        <v>3</v>
      </c>
      <c r="F7" s="20">
        <v>2328</v>
      </c>
    </row>
    <row r="8" spans="1:16">
      <c r="A8" s="74"/>
      <c r="B8" s="21">
        <v>8.7999999999999995E-2</v>
      </c>
      <c r="C8" s="21">
        <v>0.441</v>
      </c>
      <c r="D8" s="21">
        <v>0.47</v>
      </c>
      <c r="E8" s="21">
        <v>1E-3</v>
      </c>
      <c r="F8" s="21">
        <v>1</v>
      </c>
      <c r="K8" s="22"/>
      <c r="L8" s="22"/>
      <c r="M8" s="22"/>
      <c r="N8" s="22"/>
      <c r="O8" s="22"/>
      <c r="P8" s="22"/>
    </row>
    <row r="9" spans="1:16">
      <c r="A9" s="73" t="s">
        <v>134</v>
      </c>
      <c r="B9" s="24">
        <v>45</v>
      </c>
      <c r="C9" s="24">
        <v>255</v>
      </c>
      <c r="D9" s="24">
        <v>354</v>
      </c>
      <c r="E9" s="24">
        <v>0</v>
      </c>
      <c r="F9" s="24">
        <v>654</v>
      </c>
      <c r="K9" s="22"/>
      <c r="L9" s="22"/>
      <c r="M9" s="22"/>
      <c r="N9" s="22"/>
      <c r="O9" s="22"/>
    </row>
    <row r="10" spans="1:16">
      <c r="A10" s="74"/>
      <c r="B10" s="21">
        <v>6.9000000000000006E-2</v>
      </c>
      <c r="C10" s="21">
        <v>0.39</v>
      </c>
      <c r="D10" s="21">
        <v>0.54100000000000004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</row>
    <row r="11" spans="1:16">
      <c r="A11" s="78" t="s">
        <v>135</v>
      </c>
      <c r="B11" s="24">
        <v>10</v>
      </c>
      <c r="C11" s="24">
        <v>31</v>
      </c>
      <c r="D11" s="24">
        <v>57</v>
      </c>
      <c r="E11" s="24">
        <v>0</v>
      </c>
      <c r="F11" s="24">
        <v>98</v>
      </c>
      <c r="K11" s="22"/>
      <c r="L11" s="22"/>
      <c r="M11" s="22"/>
      <c r="N11" s="22"/>
      <c r="O11" s="22"/>
    </row>
    <row r="12" spans="1:16">
      <c r="A12" s="79"/>
      <c r="B12" s="21">
        <v>0.10199999999999999</v>
      </c>
      <c r="C12" s="21">
        <v>0.316</v>
      </c>
      <c r="D12" s="21">
        <v>0.58199999999999996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</row>
    <row r="13" spans="1:16">
      <c r="A13" s="73" t="s">
        <v>22</v>
      </c>
      <c r="B13" s="24">
        <v>5</v>
      </c>
      <c r="C13" s="24">
        <v>22</v>
      </c>
      <c r="D13" s="24">
        <v>20</v>
      </c>
      <c r="E13" s="24">
        <v>0</v>
      </c>
      <c r="F13" s="24">
        <v>47</v>
      </c>
      <c r="K13" s="22"/>
      <c r="L13" s="22"/>
      <c r="M13" s="22"/>
      <c r="N13" s="22"/>
      <c r="O13" s="22"/>
    </row>
    <row r="14" spans="1:16">
      <c r="A14" s="74"/>
      <c r="B14" s="21">
        <v>0.106</v>
      </c>
      <c r="C14" s="21">
        <v>0.46800000000000003</v>
      </c>
      <c r="D14" s="21">
        <v>0.42599999999999999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</row>
    <row r="15" spans="1:16" s="23" customFormat="1">
      <c r="A15" s="73" t="s">
        <v>15</v>
      </c>
      <c r="B15" s="20">
        <v>553</v>
      </c>
      <c r="C15" s="20">
        <v>2740</v>
      </c>
      <c r="D15" s="20">
        <v>2774</v>
      </c>
      <c r="E15" s="20">
        <v>3</v>
      </c>
      <c r="F15" s="20">
        <v>6070</v>
      </c>
    </row>
    <row r="16" spans="1:16">
      <c r="A16" s="74"/>
      <c r="B16" s="21">
        <v>9.0999999999999998E-2</v>
      </c>
      <c r="C16" s="21">
        <v>0.45100000000000001</v>
      </c>
      <c r="D16" s="21">
        <v>0.45700000000000002</v>
      </c>
      <c r="E16" s="21">
        <v>0</v>
      </c>
      <c r="F16" s="21">
        <v>1</v>
      </c>
      <c r="K16" s="22"/>
      <c r="L16" s="22"/>
      <c r="M16" s="22"/>
      <c r="N16" s="22"/>
      <c r="O16" s="22"/>
      <c r="P16" s="22"/>
    </row>
    <row r="17" spans="1:15">
      <c r="A17" s="71" t="s">
        <v>58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81"/>
      <c r="B18" s="81"/>
      <c r="C18" s="81"/>
      <c r="D18" s="81"/>
      <c r="E18" s="81"/>
      <c r="F18" s="81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3"/>
  <dimension ref="A1:S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8" width="8.875" style="18" customWidth="1"/>
    <col min="9" max="16384" width="9" style="18"/>
  </cols>
  <sheetData>
    <row r="1" spans="1:19">
      <c r="A1" s="70" t="s">
        <v>326</v>
      </c>
      <c r="B1" s="70"/>
      <c r="C1" s="70"/>
      <c r="D1" s="70"/>
      <c r="E1" s="70"/>
      <c r="F1" s="70"/>
      <c r="G1" s="70"/>
      <c r="H1" s="70"/>
    </row>
    <row r="2" spans="1:19">
      <c r="A2" s="121" t="s">
        <v>613</v>
      </c>
      <c r="B2" s="36"/>
      <c r="C2" s="36"/>
      <c r="D2" s="36"/>
      <c r="E2" s="36"/>
      <c r="F2" s="36"/>
      <c r="G2" s="36"/>
      <c r="H2" s="36"/>
    </row>
    <row r="3" spans="1:19">
      <c r="A3" s="75" t="s">
        <v>131</v>
      </c>
      <c r="B3" s="76" t="s">
        <v>60</v>
      </c>
      <c r="C3" s="76"/>
      <c r="D3" s="76"/>
      <c r="E3" s="76"/>
      <c r="F3" s="76"/>
      <c r="G3" s="76"/>
      <c r="H3" s="76"/>
    </row>
    <row r="4" spans="1:19" ht="42.75">
      <c r="A4" s="75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1" t="s">
        <v>15</v>
      </c>
    </row>
    <row r="5" spans="1:19">
      <c r="A5" s="73" t="s">
        <v>132</v>
      </c>
      <c r="B5" s="20">
        <v>316</v>
      </c>
      <c r="C5" s="20">
        <v>758</v>
      </c>
      <c r="D5" s="20">
        <v>535</v>
      </c>
      <c r="E5" s="20">
        <v>888</v>
      </c>
      <c r="F5" s="20">
        <v>446</v>
      </c>
      <c r="G5" s="20">
        <v>0</v>
      </c>
      <c r="H5" s="20">
        <v>2943</v>
      </c>
    </row>
    <row r="6" spans="1:19">
      <c r="A6" s="77"/>
      <c r="B6" s="21">
        <v>0.107</v>
      </c>
      <c r="C6" s="21">
        <v>0.25800000000000001</v>
      </c>
      <c r="D6" s="21">
        <v>0.182</v>
      </c>
      <c r="E6" s="21">
        <v>0.30199999999999999</v>
      </c>
      <c r="F6" s="21">
        <v>0.152</v>
      </c>
      <c r="G6" s="21">
        <v>0</v>
      </c>
      <c r="H6" s="21">
        <v>1</v>
      </c>
      <c r="M6" s="22"/>
      <c r="N6" s="22"/>
      <c r="O6" s="22"/>
      <c r="P6" s="22"/>
      <c r="Q6" s="22"/>
      <c r="R6" s="22"/>
      <c r="S6" s="22"/>
    </row>
    <row r="7" spans="1:19">
      <c r="A7" s="73" t="s">
        <v>133</v>
      </c>
      <c r="B7" s="24">
        <v>222</v>
      </c>
      <c r="C7" s="24">
        <v>585</v>
      </c>
      <c r="D7" s="24">
        <v>450</v>
      </c>
      <c r="E7" s="24">
        <v>675</v>
      </c>
      <c r="F7" s="24">
        <v>394</v>
      </c>
      <c r="G7" s="24">
        <v>2</v>
      </c>
      <c r="H7" s="20">
        <v>2328</v>
      </c>
      <c r="M7" s="22"/>
      <c r="N7" s="22"/>
      <c r="O7" s="22"/>
      <c r="P7" s="22"/>
      <c r="Q7" s="22"/>
    </row>
    <row r="8" spans="1:19">
      <c r="A8" s="74"/>
      <c r="B8" s="21">
        <v>9.5000000000000001E-2</v>
      </c>
      <c r="C8" s="21">
        <v>0.251</v>
      </c>
      <c r="D8" s="21">
        <v>0.193</v>
      </c>
      <c r="E8" s="21">
        <v>0.28999999999999998</v>
      </c>
      <c r="F8" s="21">
        <v>0.16900000000000001</v>
      </c>
      <c r="G8" s="21">
        <v>1E-3</v>
      </c>
      <c r="H8" s="21">
        <v>1</v>
      </c>
      <c r="M8" s="22"/>
      <c r="N8" s="22"/>
      <c r="O8" s="22"/>
      <c r="P8" s="22"/>
      <c r="Q8" s="22"/>
      <c r="R8" s="22"/>
      <c r="S8" s="22"/>
    </row>
    <row r="9" spans="1:19">
      <c r="A9" s="73" t="s">
        <v>134</v>
      </c>
      <c r="B9" s="24">
        <v>55</v>
      </c>
      <c r="C9" s="24">
        <v>147</v>
      </c>
      <c r="D9" s="24">
        <v>132</v>
      </c>
      <c r="E9" s="24">
        <v>216</v>
      </c>
      <c r="F9" s="24">
        <v>104</v>
      </c>
      <c r="G9" s="24">
        <v>0</v>
      </c>
      <c r="H9" s="24">
        <v>654</v>
      </c>
      <c r="M9" s="22"/>
      <c r="N9" s="22"/>
      <c r="O9" s="22"/>
      <c r="P9" s="22"/>
      <c r="Q9" s="22"/>
    </row>
    <row r="10" spans="1:19">
      <c r="A10" s="74"/>
      <c r="B10" s="21">
        <v>8.4000000000000005E-2</v>
      </c>
      <c r="C10" s="21">
        <v>0.22500000000000001</v>
      </c>
      <c r="D10" s="21">
        <v>0.20200000000000001</v>
      </c>
      <c r="E10" s="21">
        <v>0.33</v>
      </c>
      <c r="F10" s="21">
        <v>0.159</v>
      </c>
      <c r="G10" s="21">
        <v>0</v>
      </c>
      <c r="H10" s="21">
        <v>1</v>
      </c>
      <c r="M10" s="22"/>
      <c r="N10" s="22"/>
      <c r="O10" s="22"/>
      <c r="P10" s="22"/>
      <c r="Q10" s="22"/>
      <c r="R10" s="22"/>
      <c r="S10" s="22"/>
    </row>
    <row r="11" spans="1:19">
      <c r="A11" s="78" t="s">
        <v>135</v>
      </c>
      <c r="B11" s="24">
        <v>13</v>
      </c>
      <c r="C11" s="24">
        <v>31</v>
      </c>
      <c r="D11" s="24">
        <v>12</v>
      </c>
      <c r="E11" s="24">
        <v>26</v>
      </c>
      <c r="F11" s="24">
        <v>16</v>
      </c>
      <c r="G11" s="24">
        <v>0</v>
      </c>
      <c r="H11" s="24">
        <v>98</v>
      </c>
      <c r="M11" s="22"/>
      <c r="N11" s="22"/>
      <c r="O11" s="22"/>
      <c r="P11" s="22"/>
      <c r="Q11" s="22"/>
    </row>
    <row r="12" spans="1:19">
      <c r="A12" s="79"/>
      <c r="B12" s="21">
        <v>0.13300000000000001</v>
      </c>
      <c r="C12" s="21">
        <v>0.316</v>
      </c>
      <c r="D12" s="21">
        <v>0.122</v>
      </c>
      <c r="E12" s="21">
        <v>0.26500000000000001</v>
      </c>
      <c r="F12" s="21">
        <v>0.16300000000000001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</row>
    <row r="13" spans="1:19">
      <c r="A13" s="73" t="s">
        <v>22</v>
      </c>
      <c r="B13" s="24">
        <v>11</v>
      </c>
      <c r="C13" s="24">
        <v>9</v>
      </c>
      <c r="D13" s="24">
        <v>6</v>
      </c>
      <c r="E13" s="24">
        <v>11</v>
      </c>
      <c r="F13" s="24">
        <v>10</v>
      </c>
      <c r="G13" s="24">
        <v>0</v>
      </c>
      <c r="H13" s="24">
        <v>47</v>
      </c>
      <c r="M13" s="22"/>
      <c r="N13" s="22"/>
      <c r="O13" s="22"/>
      <c r="P13" s="22"/>
      <c r="Q13" s="22"/>
    </row>
    <row r="14" spans="1:19">
      <c r="A14" s="74"/>
      <c r="B14" s="21">
        <v>0.23400000000000001</v>
      </c>
      <c r="C14" s="21">
        <v>0.191</v>
      </c>
      <c r="D14" s="21">
        <v>0.128</v>
      </c>
      <c r="E14" s="21">
        <v>0.23400000000000001</v>
      </c>
      <c r="F14" s="21">
        <v>0.21299999999999999</v>
      </c>
      <c r="G14" s="21">
        <v>0</v>
      </c>
      <c r="H14" s="21">
        <v>1</v>
      </c>
      <c r="M14" s="22"/>
      <c r="N14" s="22"/>
      <c r="O14" s="22"/>
      <c r="P14" s="22"/>
      <c r="Q14" s="22"/>
      <c r="R14" s="22"/>
      <c r="S14" s="22"/>
    </row>
    <row r="15" spans="1:19" s="23" customFormat="1">
      <c r="A15" s="73" t="s">
        <v>15</v>
      </c>
      <c r="B15" s="20">
        <v>617</v>
      </c>
      <c r="C15" s="20">
        <v>1530</v>
      </c>
      <c r="D15" s="20">
        <v>1135</v>
      </c>
      <c r="E15" s="20">
        <v>1816</v>
      </c>
      <c r="F15" s="20">
        <v>970</v>
      </c>
      <c r="G15" s="20">
        <v>2</v>
      </c>
      <c r="H15" s="20">
        <v>6070</v>
      </c>
    </row>
    <row r="16" spans="1:19">
      <c r="A16" s="74"/>
      <c r="B16" s="21">
        <v>0.10199999999999999</v>
      </c>
      <c r="C16" s="21">
        <v>0.252</v>
      </c>
      <c r="D16" s="21">
        <v>0.187</v>
      </c>
      <c r="E16" s="21">
        <v>0.29899999999999999</v>
      </c>
      <c r="F16" s="21">
        <v>0.16</v>
      </c>
      <c r="G16" s="21">
        <v>0</v>
      </c>
      <c r="H16" s="21">
        <v>1</v>
      </c>
      <c r="M16" s="22"/>
      <c r="N16" s="22"/>
      <c r="O16" s="22"/>
      <c r="P16" s="22"/>
      <c r="Q16" s="22"/>
      <c r="R16" s="22"/>
      <c r="S16" s="22"/>
    </row>
    <row r="17" spans="1:17">
      <c r="A17" s="71" t="s">
        <v>65</v>
      </c>
      <c r="B17" s="71"/>
      <c r="C17" s="71"/>
      <c r="D17" s="71"/>
      <c r="E17" s="71"/>
      <c r="F17" s="71"/>
      <c r="G17" s="71"/>
      <c r="H17" s="71"/>
      <c r="M17" s="22"/>
      <c r="N17" s="22"/>
      <c r="O17" s="22"/>
      <c r="P17" s="22"/>
      <c r="Q17" s="22"/>
    </row>
    <row r="18" spans="1:17">
      <c r="A18" s="25"/>
      <c r="B18" s="25"/>
      <c r="C18" s="25"/>
      <c r="D18" s="25"/>
      <c r="E18" s="25"/>
      <c r="F18" s="25"/>
      <c r="G18" s="25"/>
      <c r="H18" s="25"/>
    </row>
  </sheetData>
  <mergeCells count="10">
    <mergeCell ref="A11:A12"/>
    <mergeCell ref="A13:A14"/>
    <mergeCell ref="A15:A16"/>
    <mergeCell ref="A17:H17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4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8.875" style="18" customWidth="1"/>
    <col min="8" max="16384" width="9" style="18"/>
  </cols>
  <sheetData>
    <row r="1" spans="1:18">
      <c r="A1" s="70" t="s">
        <v>327</v>
      </c>
      <c r="B1" s="70"/>
      <c r="C1" s="70"/>
      <c r="D1" s="70"/>
      <c r="E1" s="70"/>
      <c r="F1" s="70"/>
      <c r="G1" s="70"/>
    </row>
    <row r="2" spans="1:18">
      <c r="A2" s="121" t="s">
        <v>613</v>
      </c>
      <c r="B2" s="36"/>
      <c r="C2" s="36"/>
      <c r="D2" s="36"/>
      <c r="E2" s="36"/>
      <c r="F2" s="36"/>
      <c r="G2" s="36"/>
    </row>
    <row r="3" spans="1:18">
      <c r="A3" s="75" t="s">
        <v>131</v>
      </c>
      <c r="B3" s="76" t="s">
        <v>67</v>
      </c>
      <c r="C3" s="76"/>
      <c r="D3" s="76"/>
      <c r="E3" s="76"/>
      <c r="F3" s="76"/>
      <c r="G3" s="76"/>
    </row>
    <row r="4" spans="1:18" ht="57">
      <c r="A4" s="75"/>
      <c r="B4" s="11" t="s">
        <v>69</v>
      </c>
      <c r="C4" s="11" t="s">
        <v>53</v>
      </c>
      <c r="D4" s="11" t="s">
        <v>54</v>
      </c>
      <c r="E4" s="11" t="s">
        <v>70</v>
      </c>
      <c r="F4" s="11" t="s">
        <v>22</v>
      </c>
      <c r="G4" s="11" t="s">
        <v>15</v>
      </c>
    </row>
    <row r="5" spans="1:18">
      <c r="A5" s="73" t="s">
        <v>132</v>
      </c>
      <c r="B5" s="20">
        <v>1263</v>
      </c>
      <c r="C5" s="20">
        <v>274</v>
      </c>
      <c r="D5" s="20">
        <v>177</v>
      </c>
      <c r="E5" s="20">
        <v>1226</v>
      </c>
      <c r="F5" s="20">
        <v>3</v>
      </c>
      <c r="G5" s="20">
        <v>2943</v>
      </c>
    </row>
    <row r="6" spans="1:18">
      <c r="A6" s="77"/>
      <c r="B6" s="21">
        <v>0.42899999999999999</v>
      </c>
      <c r="C6" s="21">
        <v>9.2999999999999999E-2</v>
      </c>
      <c r="D6" s="21">
        <v>0.06</v>
      </c>
      <c r="E6" s="21">
        <v>0.41699999999999998</v>
      </c>
      <c r="F6" s="21">
        <v>1E-3</v>
      </c>
      <c r="G6" s="21">
        <v>1</v>
      </c>
      <c r="L6" s="22"/>
      <c r="M6" s="22"/>
      <c r="N6" s="22"/>
      <c r="O6" s="22"/>
      <c r="P6" s="22"/>
      <c r="Q6" s="22"/>
      <c r="R6" s="22"/>
    </row>
    <row r="7" spans="1:18">
      <c r="A7" s="73" t="s">
        <v>133</v>
      </c>
      <c r="B7" s="24">
        <v>872</v>
      </c>
      <c r="C7" s="24">
        <v>195</v>
      </c>
      <c r="D7" s="24">
        <v>147</v>
      </c>
      <c r="E7" s="24">
        <v>1108</v>
      </c>
      <c r="F7" s="24">
        <v>6</v>
      </c>
      <c r="G7" s="20">
        <v>2328</v>
      </c>
      <c r="L7" s="22"/>
      <c r="M7" s="22"/>
      <c r="N7" s="22"/>
      <c r="O7" s="22"/>
      <c r="P7" s="22"/>
    </row>
    <row r="8" spans="1:18">
      <c r="A8" s="74"/>
      <c r="B8" s="21">
        <v>0.375</v>
      </c>
      <c r="C8" s="21">
        <v>8.4000000000000005E-2</v>
      </c>
      <c r="D8" s="21">
        <v>6.3E-2</v>
      </c>
      <c r="E8" s="21">
        <v>0.47599999999999998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</row>
    <row r="9" spans="1:18">
      <c r="A9" s="73" t="s">
        <v>134</v>
      </c>
      <c r="B9" s="24">
        <v>211</v>
      </c>
      <c r="C9" s="24">
        <v>80</v>
      </c>
      <c r="D9" s="24">
        <v>34</v>
      </c>
      <c r="E9" s="24">
        <v>328</v>
      </c>
      <c r="F9" s="24">
        <v>1</v>
      </c>
      <c r="G9" s="24">
        <v>654</v>
      </c>
      <c r="L9" s="22"/>
      <c r="M9" s="22"/>
      <c r="N9" s="22"/>
      <c r="O9" s="22"/>
      <c r="P9" s="22"/>
    </row>
    <row r="10" spans="1:18">
      <c r="A10" s="74"/>
      <c r="B10" s="21">
        <v>0.32300000000000001</v>
      </c>
      <c r="C10" s="21">
        <v>0.122</v>
      </c>
      <c r="D10" s="21">
        <v>5.1999999999999998E-2</v>
      </c>
      <c r="E10" s="21">
        <v>0.502</v>
      </c>
      <c r="F10" s="21">
        <v>2E-3</v>
      </c>
      <c r="G10" s="21">
        <v>1</v>
      </c>
      <c r="L10" s="22"/>
      <c r="M10" s="22"/>
      <c r="N10" s="22"/>
      <c r="O10" s="22"/>
      <c r="P10" s="22"/>
      <c r="Q10" s="22"/>
      <c r="R10" s="22"/>
    </row>
    <row r="11" spans="1:18">
      <c r="A11" s="78" t="s">
        <v>135</v>
      </c>
      <c r="B11" s="24">
        <v>35</v>
      </c>
      <c r="C11" s="24">
        <v>9</v>
      </c>
      <c r="D11" s="24">
        <v>7</v>
      </c>
      <c r="E11" s="24">
        <v>45</v>
      </c>
      <c r="F11" s="24">
        <v>2</v>
      </c>
      <c r="G11" s="24">
        <v>98</v>
      </c>
      <c r="L11" s="22"/>
      <c r="M11" s="22"/>
      <c r="N11" s="22"/>
      <c r="O11" s="22"/>
      <c r="P11" s="22"/>
    </row>
    <row r="12" spans="1:18">
      <c r="A12" s="79"/>
      <c r="B12" s="21">
        <v>0.35699999999999998</v>
      </c>
      <c r="C12" s="21">
        <v>9.1999999999999998E-2</v>
      </c>
      <c r="D12" s="21">
        <v>7.0999999999999994E-2</v>
      </c>
      <c r="E12" s="21">
        <v>0.45900000000000002</v>
      </c>
      <c r="F12" s="21">
        <v>0.02</v>
      </c>
      <c r="G12" s="21">
        <v>1</v>
      </c>
      <c r="L12" s="22"/>
      <c r="M12" s="22"/>
      <c r="N12" s="22"/>
      <c r="O12" s="22"/>
      <c r="P12" s="22"/>
      <c r="Q12" s="22"/>
      <c r="R12" s="22"/>
    </row>
    <row r="13" spans="1:18">
      <c r="A13" s="73" t="s">
        <v>22</v>
      </c>
      <c r="B13" s="24">
        <v>23</v>
      </c>
      <c r="C13" s="24">
        <v>4</v>
      </c>
      <c r="D13" s="24">
        <v>3</v>
      </c>
      <c r="E13" s="24">
        <v>17</v>
      </c>
      <c r="F13" s="24">
        <v>0</v>
      </c>
      <c r="G13" s="24">
        <v>47</v>
      </c>
      <c r="L13" s="22"/>
      <c r="M13" s="22"/>
      <c r="N13" s="22"/>
      <c r="O13" s="22"/>
      <c r="P13" s="22"/>
    </row>
    <row r="14" spans="1:18">
      <c r="A14" s="74"/>
      <c r="B14" s="21">
        <v>0.48899999999999999</v>
      </c>
      <c r="C14" s="21">
        <v>8.5000000000000006E-2</v>
      </c>
      <c r="D14" s="21">
        <v>6.4000000000000001E-2</v>
      </c>
      <c r="E14" s="21">
        <v>0.36199999999999999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2404</v>
      </c>
      <c r="C15" s="20">
        <v>562</v>
      </c>
      <c r="D15" s="20">
        <v>368</v>
      </c>
      <c r="E15" s="20">
        <v>2724</v>
      </c>
      <c r="F15" s="20">
        <v>12</v>
      </c>
      <c r="G15" s="20">
        <v>6070</v>
      </c>
    </row>
    <row r="16" spans="1:18">
      <c r="A16" s="74"/>
      <c r="B16" s="21">
        <v>0.39600000000000002</v>
      </c>
      <c r="C16" s="21">
        <v>9.2999999999999999E-2</v>
      </c>
      <c r="D16" s="21">
        <v>6.0999999999999999E-2</v>
      </c>
      <c r="E16" s="21">
        <v>0.44900000000000001</v>
      </c>
      <c r="F16" s="21">
        <v>2E-3</v>
      </c>
      <c r="G16" s="21">
        <v>1</v>
      </c>
      <c r="L16" s="22"/>
      <c r="M16" s="22"/>
      <c r="N16" s="22"/>
      <c r="O16" s="22"/>
      <c r="P16" s="22"/>
      <c r="Q16" s="22"/>
      <c r="R16" s="22"/>
    </row>
    <row r="17" spans="1:16" ht="14.25" customHeight="1">
      <c r="A17" s="71" t="s">
        <v>71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6">
      <c r="A18" s="81"/>
      <c r="B18" s="81"/>
      <c r="C18" s="81"/>
      <c r="D18" s="81"/>
      <c r="E18" s="81"/>
      <c r="F18" s="81"/>
      <c r="G18" s="81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5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8.875" style="18" customWidth="1"/>
    <col min="7" max="16384" width="9" style="18"/>
  </cols>
  <sheetData>
    <row r="1" spans="1:17">
      <c r="A1" s="70" t="s">
        <v>328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75" t="s">
        <v>131</v>
      </c>
      <c r="B3" s="76" t="s">
        <v>73</v>
      </c>
      <c r="C3" s="76"/>
      <c r="D3" s="76"/>
      <c r="E3" s="76"/>
      <c r="F3" s="76"/>
    </row>
    <row r="4" spans="1:17" ht="57">
      <c r="A4" s="75"/>
      <c r="B4" s="11" t="s">
        <v>43</v>
      </c>
      <c r="C4" s="11" t="s">
        <v>44</v>
      </c>
      <c r="D4" s="11" t="s">
        <v>70</v>
      </c>
      <c r="E4" s="11" t="s">
        <v>22</v>
      </c>
      <c r="F4" s="11" t="s">
        <v>15</v>
      </c>
    </row>
    <row r="5" spans="1:17">
      <c r="A5" s="73" t="s">
        <v>132</v>
      </c>
      <c r="B5" s="20">
        <v>848</v>
      </c>
      <c r="C5" s="20">
        <v>1054</v>
      </c>
      <c r="D5" s="20">
        <v>1040</v>
      </c>
      <c r="E5" s="20">
        <v>1</v>
      </c>
      <c r="F5" s="20">
        <v>2943</v>
      </c>
    </row>
    <row r="6" spans="1:17">
      <c r="A6" s="77"/>
      <c r="B6" s="21">
        <v>0.28799999999999998</v>
      </c>
      <c r="C6" s="21">
        <v>0.35799999999999998</v>
      </c>
      <c r="D6" s="21">
        <v>0.35299999999999998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>
      <c r="A7" s="73" t="s">
        <v>133</v>
      </c>
      <c r="B7" s="24">
        <v>615</v>
      </c>
      <c r="C7" s="24">
        <v>817</v>
      </c>
      <c r="D7" s="24">
        <v>892</v>
      </c>
      <c r="E7" s="24">
        <v>4</v>
      </c>
      <c r="F7" s="20">
        <v>2328</v>
      </c>
      <c r="K7" s="22"/>
      <c r="L7" s="22"/>
      <c r="M7" s="22"/>
      <c r="N7" s="22"/>
      <c r="O7" s="22"/>
    </row>
    <row r="8" spans="1:17">
      <c r="A8" s="74"/>
      <c r="B8" s="21">
        <v>0.26400000000000001</v>
      </c>
      <c r="C8" s="21">
        <v>0.35099999999999998</v>
      </c>
      <c r="D8" s="21">
        <v>0.38300000000000001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>
      <c r="A9" s="73" t="s">
        <v>134</v>
      </c>
      <c r="B9" s="24">
        <v>158</v>
      </c>
      <c r="C9" s="24">
        <v>222</v>
      </c>
      <c r="D9" s="24">
        <v>273</v>
      </c>
      <c r="E9" s="24">
        <v>1</v>
      </c>
      <c r="F9" s="24">
        <v>654</v>
      </c>
      <c r="K9" s="22"/>
      <c r="L9" s="22"/>
      <c r="M9" s="22"/>
      <c r="N9" s="22"/>
      <c r="O9" s="22"/>
    </row>
    <row r="10" spans="1:17">
      <c r="A10" s="74"/>
      <c r="B10" s="21">
        <v>0.24199999999999999</v>
      </c>
      <c r="C10" s="21">
        <v>0.33900000000000002</v>
      </c>
      <c r="D10" s="21">
        <v>0.41699999999999998</v>
      </c>
      <c r="E10" s="21">
        <v>2E-3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135</v>
      </c>
      <c r="B11" s="24">
        <v>29</v>
      </c>
      <c r="C11" s="24">
        <v>27</v>
      </c>
      <c r="D11" s="24">
        <v>40</v>
      </c>
      <c r="E11" s="24">
        <v>2</v>
      </c>
      <c r="F11" s="24">
        <v>98</v>
      </c>
      <c r="K11" s="22"/>
      <c r="L11" s="22"/>
      <c r="M11" s="22"/>
      <c r="N11" s="22"/>
      <c r="O11" s="22"/>
    </row>
    <row r="12" spans="1:17">
      <c r="A12" s="79"/>
      <c r="B12" s="21">
        <v>0.29599999999999999</v>
      </c>
      <c r="C12" s="21">
        <v>0.27600000000000002</v>
      </c>
      <c r="D12" s="21">
        <v>0.40799999999999997</v>
      </c>
      <c r="E12" s="21">
        <v>0.02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15</v>
      </c>
      <c r="C13" s="24">
        <v>16</v>
      </c>
      <c r="D13" s="24">
        <v>15</v>
      </c>
      <c r="E13" s="24">
        <v>1</v>
      </c>
      <c r="F13" s="24">
        <v>47</v>
      </c>
      <c r="K13" s="22"/>
      <c r="L13" s="22"/>
      <c r="M13" s="22"/>
      <c r="N13" s="22"/>
      <c r="O13" s="22"/>
    </row>
    <row r="14" spans="1:17">
      <c r="A14" s="74"/>
      <c r="B14" s="21">
        <v>0.31900000000000001</v>
      </c>
      <c r="C14" s="21">
        <v>0.34</v>
      </c>
      <c r="D14" s="21">
        <v>0.31900000000000001</v>
      </c>
      <c r="E14" s="21">
        <v>2.1000000000000001E-2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1665</v>
      </c>
      <c r="C15" s="20">
        <v>2136</v>
      </c>
      <c r="D15" s="20">
        <v>2260</v>
      </c>
      <c r="E15" s="20">
        <v>9</v>
      </c>
      <c r="F15" s="20">
        <v>6070</v>
      </c>
    </row>
    <row r="16" spans="1:17">
      <c r="A16" s="74"/>
      <c r="B16" s="21">
        <v>0.27400000000000002</v>
      </c>
      <c r="C16" s="21">
        <v>0.35199999999999998</v>
      </c>
      <c r="D16" s="21">
        <v>0.372</v>
      </c>
      <c r="E16" s="21">
        <v>1E-3</v>
      </c>
      <c r="F16" s="21">
        <v>1</v>
      </c>
      <c r="K16" s="22"/>
      <c r="L16" s="22"/>
      <c r="M16" s="22"/>
      <c r="N16" s="22"/>
      <c r="O16" s="22"/>
      <c r="P16" s="22"/>
      <c r="Q16" s="22"/>
    </row>
    <row r="17" spans="1:15" ht="14.25" customHeight="1">
      <c r="A17" s="71" t="s">
        <v>75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81"/>
      <c r="B18" s="81"/>
      <c r="C18" s="81"/>
      <c r="D18" s="81"/>
      <c r="E18" s="81"/>
      <c r="F18" s="81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6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3" width="8.875" style="18" customWidth="1"/>
    <col min="4" max="4" width="11.625" style="18" bestFit="1" customWidth="1"/>
    <col min="5" max="6" width="8.875" style="18" customWidth="1"/>
    <col min="7" max="16384" width="9" style="18"/>
  </cols>
  <sheetData>
    <row r="1" spans="1:17">
      <c r="A1" s="70" t="s">
        <v>329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75" t="s">
        <v>131</v>
      </c>
      <c r="B3" s="76" t="s">
        <v>78</v>
      </c>
      <c r="C3" s="76"/>
      <c r="D3" s="76"/>
      <c r="E3" s="76"/>
      <c r="F3" s="76"/>
    </row>
    <row r="4" spans="1:17">
      <c r="A4" s="75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7">
      <c r="A5" s="73" t="s">
        <v>132</v>
      </c>
      <c r="B5" s="20">
        <v>1795</v>
      </c>
      <c r="C5" s="20">
        <v>188</v>
      </c>
      <c r="D5" s="20">
        <v>955</v>
      </c>
      <c r="E5" s="20">
        <v>5</v>
      </c>
      <c r="F5" s="20">
        <v>2943</v>
      </c>
    </row>
    <row r="6" spans="1:17">
      <c r="A6" s="77"/>
      <c r="B6" s="21">
        <v>0.61</v>
      </c>
      <c r="C6" s="21">
        <v>6.4000000000000001E-2</v>
      </c>
      <c r="D6" s="21">
        <v>0.32400000000000001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>
      <c r="A7" s="73" t="s">
        <v>133</v>
      </c>
      <c r="B7" s="24">
        <v>1156</v>
      </c>
      <c r="C7" s="24">
        <v>200</v>
      </c>
      <c r="D7" s="24">
        <v>962</v>
      </c>
      <c r="E7" s="24">
        <v>10</v>
      </c>
      <c r="F7" s="20">
        <v>2328</v>
      </c>
      <c r="K7" s="22"/>
      <c r="L7" s="22"/>
      <c r="M7" s="22"/>
      <c r="N7" s="22"/>
      <c r="O7" s="22"/>
    </row>
    <row r="8" spans="1:17">
      <c r="A8" s="74"/>
      <c r="B8" s="21">
        <v>0.497</v>
      </c>
      <c r="C8" s="21">
        <v>8.5999999999999993E-2</v>
      </c>
      <c r="D8" s="21">
        <v>0.41299999999999998</v>
      </c>
      <c r="E8" s="21">
        <v>4.0000000000000001E-3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>
      <c r="A9" s="73" t="s">
        <v>134</v>
      </c>
      <c r="B9" s="24">
        <v>259</v>
      </c>
      <c r="C9" s="24">
        <v>65</v>
      </c>
      <c r="D9" s="24">
        <v>328</v>
      </c>
      <c r="E9" s="24">
        <v>2</v>
      </c>
      <c r="F9" s="24">
        <v>654</v>
      </c>
      <c r="K9" s="22"/>
      <c r="L9" s="22"/>
      <c r="M9" s="22"/>
      <c r="N9" s="22"/>
      <c r="O9" s="22"/>
    </row>
    <row r="10" spans="1:17">
      <c r="A10" s="74"/>
      <c r="B10" s="21">
        <v>0.39600000000000002</v>
      </c>
      <c r="C10" s="21">
        <v>9.9000000000000005E-2</v>
      </c>
      <c r="D10" s="21">
        <v>0.502</v>
      </c>
      <c r="E10" s="21">
        <v>3.0000000000000001E-3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135</v>
      </c>
      <c r="B11" s="24">
        <v>35</v>
      </c>
      <c r="C11" s="24">
        <v>13</v>
      </c>
      <c r="D11" s="24">
        <v>47</v>
      </c>
      <c r="E11" s="24">
        <v>3</v>
      </c>
      <c r="F11" s="24">
        <v>98</v>
      </c>
      <c r="K11" s="22"/>
      <c r="L11" s="22"/>
      <c r="M11" s="22"/>
      <c r="N11" s="22"/>
      <c r="O11" s="22"/>
    </row>
    <row r="12" spans="1:17">
      <c r="A12" s="79"/>
      <c r="B12" s="21">
        <v>0.35699999999999998</v>
      </c>
      <c r="C12" s="21">
        <v>0.13300000000000001</v>
      </c>
      <c r="D12" s="21">
        <v>0.48</v>
      </c>
      <c r="E12" s="21">
        <v>3.1E-2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18</v>
      </c>
      <c r="C13" s="24">
        <v>6</v>
      </c>
      <c r="D13" s="24">
        <v>23</v>
      </c>
      <c r="E13" s="24">
        <v>0</v>
      </c>
      <c r="F13" s="24">
        <v>47</v>
      </c>
      <c r="K13" s="22"/>
      <c r="L13" s="22"/>
      <c r="M13" s="22"/>
      <c r="N13" s="22"/>
      <c r="O13" s="22"/>
    </row>
    <row r="14" spans="1:17">
      <c r="A14" s="74"/>
      <c r="B14" s="21">
        <v>0.38300000000000001</v>
      </c>
      <c r="C14" s="21">
        <v>0.128</v>
      </c>
      <c r="D14" s="21">
        <v>0.48899999999999999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3263</v>
      </c>
      <c r="C15" s="20">
        <v>472</v>
      </c>
      <c r="D15" s="20">
        <v>2315</v>
      </c>
      <c r="E15" s="20">
        <v>20</v>
      </c>
      <c r="F15" s="20">
        <v>6070</v>
      </c>
    </row>
    <row r="16" spans="1:17">
      <c r="A16" s="74"/>
      <c r="B16" s="21">
        <v>0.53800000000000003</v>
      </c>
      <c r="C16" s="21">
        <v>7.8E-2</v>
      </c>
      <c r="D16" s="21">
        <v>0.38100000000000001</v>
      </c>
      <c r="E16" s="21">
        <v>3.0000000000000001E-3</v>
      </c>
      <c r="F16" s="21">
        <v>1</v>
      </c>
      <c r="K16" s="22"/>
      <c r="L16" s="22"/>
      <c r="M16" s="22"/>
      <c r="N16" s="22"/>
      <c r="O16" s="22"/>
      <c r="P16" s="22"/>
      <c r="Q16" s="22"/>
    </row>
    <row r="17" spans="1:15" ht="14.25" customHeight="1">
      <c r="A17" s="71" t="s">
        <v>239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81"/>
      <c r="B18" s="81"/>
      <c r="C18" s="81"/>
      <c r="D18" s="81"/>
      <c r="E18" s="81"/>
      <c r="F18" s="81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7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8.875" style="18" customWidth="1"/>
    <col min="6" max="16384" width="9" style="18"/>
  </cols>
  <sheetData>
    <row r="1" spans="1:16">
      <c r="A1" s="70" t="s">
        <v>330</v>
      </c>
      <c r="B1" s="70"/>
      <c r="C1" s="70"/>
      <c r="D1" s="70"/>
      <c r="E1" s="70"/>
    </row>
    <row r="2" spans="1:16">
      <c r="A2" s="121" t="s">
        <v>613</v>
      </c>
      <c r="B2" s="36"/>
      <c r="C2" s="36"/>
      <c r="D2" s="36"/>
      <c r="E2" s="36"/>
    </row>
    <row r="3" spans="1:16">
      <c r="A3" s="75" t="s">
        <v>131</v>
      </c>
      <c r="B3" s="76" t="s">
        <v>81</v>
      </c>
      <c r="C3" s="76"/>
      <c r="D3" s="76"/>
      <c r="E3" s="76"/>
    </row>
    <row r="4" spans="1:16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6">
      <c r="A5" s="73" t="s">
        <v>132</v>
      </c>
      <c r="B5" s="20">
        <v>2796</v>
      </c>
      <c r="C5" s="20">
        <v>143</v>
      </c>
      <c r="D5" s="20">
        <v>4</v>
      </c>
      <c r="E5" s="20">
        <v>2943</v>
      </c>
    </row>
    <row r="6" spans="1:16">
      <c r="A6" s="77"/>
      <c r="B6" s="21">
        <v>0.95</v>
      </c>
      <c r="C6" s="21">
        <v>4.9000000000000002E-2</v>
      </c>
      <c r="D6" s="21">
        <v>1E-3</v>
      </c>
      <c r="E6" s="21">
        <v>1</v>
      </c>
      <c r="J6" s="22"/>
      <c r="K6" s="22"/>
      <c r="L6" s="22"/>
      <c r="M6" s="22"/>
      <c r="N6" s="22"/>
      <c r="O6" s="22"/>
      <c r="P6" s="22"/>
    </row>
    <row r="7" spans="1:16">
      <c r="A7" s="73" t="s">
        <v>133</v>
      </c>
      <c r="B7" s="24">
        <v>2152</v>
      </c>
      <c r="C7" s="24">
        <v>171</v>
      </c>
      <c r="D7" s="24">
        <v>5</v>
      </c>
      <c r="E7" s="20">
        <v>2328</v>
      </c>
      <c r="J7" s="22"/>
      <c r="K7" s="22"/>
      <c r="L7" s="22"/>
      <c r="M7" s="22"/>
      <c r="N7" s="22"/>
    </row>
    <row r="8" spans="1:16">
      <c r="A8" s="74"/>
      <c r="B8" s="21">
        <v>0.92400000000000004</v>
      </c>
      <c r="C8" s="21">
        <v>7.2999999999999995E-2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</row>
    <row r="9" spans="1:16">
      <c r="A9" s="73" t="s">
        <v>134</v>
      </c>
      <c r="B9" s="24">
        <v>594</v>
      </c>
      <c r="C9" s="24">
        <v>57</v>
      </c>
      <c r="D9" s="24">
        <v>3</v>
      </c>
      <c r="E9" s="24">
        <v>654</v>
      </c>
      <c r="J9" s="22"/>
      <c r="K9" s="22"/>
      <c r="L9" s="22"/>
      <c r="M9" s="22"/>
      <c r="N9" s="22"/>
    </row>
    <row r="10" spans="1:16">
      <c r="A10" s="74"/>
      <c r="B10" s="21">
        <v>0.90800000000000003</v>
      </c>
      <c r="C10" s="21">
        <v>8.6999999999999994E-2</v>
      </c>
      <c r="D10" s="21">
        <v>5.0000000000000001E-3</v>
      </c>
      <c r="E10" s="21">
        <v>1</v>
      </c>
      <c r="J10" s="22"/>
      <c r="K10" s="22"/>
      <c r="L10" s="22"/>
      <c r="M10" s="22"/>
      <c r="N10" s="22"/>
      <c r="O10" s="22"/>
      <c r="P10" s="22"/>
    </row>
    <row r="11" spans="1:16">
      <c r="A11" s="78" t="s">
        <v>135</v>
      </c>
      <c r="B11" s="24">
        <v>82</v>
      </c>
      <c r="C11" s="24">
        <v>11</v>
      </c>
      <c r="D11" s="24">
        <v>5</v>
      </c>
      <c r="E11" s="24">
        <v>98</v>
      </c>
      <c r="J11" s="22"/>
      <c r="K11" s="22"/>
      <c r="L11" s="22"/>
      <c r="M11" s="22"/>
      <c r="N11" s="22"/>
    </row>
    <row r="12" spans="1:16">
      <c r="A12" s="79"/>
      <c r="B12" s="21">
        <v>0.83699999999999997</v>
      </c>
      <c r="C12" s="21">
        <v>0.112</v>
      </c>
      <c r="D12" s="21">
        <v>5.0999999999999997E-2</v>
      </c>
      <c r="E12" s="21">
        <v>1</v>
      </c>
      <c r="J12" s="22"/>
      <c r="K12" s="22"/>
      <c r="L12" s="22"/>
      <c r="M12" s="22"/>
      <c r="N12" s="22"/>
      <c r="O12" s="22"/>
      <c r="P12" s="22"/>
    </row>
    <row r="13" spans="1:16">
      <c r="A13" s="73" t="s">
        <v>22</v>
      </c>
      <c r="B13" s="24">
        <v>43</v>
      </c>
      <c r="C13" s="24">
        <v>4</v>
      </c>
      <c r="D13" s="24">
        <v>0</v>
      </c>
      <c r="E13" s="24">
        <v>47</v>
      </c>
      <c r="J13" s="22"/>
      <c r="K13" s="22"/>
      <c r="L13" s="22"/>
      <c r="M13" s="22"/>
      <c r="N13" s="22"/>
    </row>
    <row r="14" spans="1:16">
      <c r="A14" s="74"/>
      <c r="B14" s="21">
        <v>0.91500000000000004</v>
      </c>
      <c r="C14" s="21">
        <v>8.5000000000000006E-2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</row>
    <row r="15" spans="1:16" s="23" customFormat="1" ht="13.9" customHeight="1">
      <c r="A15" s="73" t="s">
        <v>15</v>
      </c>
      <c r="B15" s="20">
        <v>5667</v>
      </c>
      <c r="C15" s="20">
        <v>386</v>
      </c>
      <c r="D15" s="20">
        <v>17</v>
      </c>
      <c r="E15" s="20">
        <v>6070</v>
      </c>
    </row>
    <row r="16" spans="1:16">
      <c r="A16" s="74"/>
      <c r="B16" s="21">
        <v>0.93400000000000005</v>
      </c>
      <c r="C16" s="21">
        <v>6.4000000000000001E-2</v>
      </c>
      <c r="D16" s="21">
        <v>3.0000000000000001E-3</v>
      </c>
      <c r="E16" s="21">
        <v>1</v>
      </c>
      <c r="J16" s="22"/>
      <c r="K16" s="22"/>
      <c r="L16" s="22"/>
      <c r="M16" s="22"/>
      <c r="N16" s="22"/>
      <c r="O16" s="22"/>
      <c r="P16" s="22"/>
    </row>
    <row r="17" spans="1:14" ht="31.15" customHeight="1">
      <c r="A17" s="71" t="s">
        <v>192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25"/>
      <c r="B18" s="25"/>
      <c r="C18" s="25"/>
      <c r="D18" s="25"/>
      <c r="E18" s="25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9"/>
  <dimension ref="A1:N33"/>
  <sheetViews>
    <sheetView workbookViewId="0">
      <selection activeCell="A2" sqref="A2"/>
    </sheetView>
  </sheetViews>
  <sheetFormatPr defaultColWidth="9" defaultRowHeight="14.25"/>
  <cols>
    <col min="1" max="1" width="11.125" style="18" customWidth="1"/>
    <col min="2" max="7" width="9.625" style="18" customWidth="1"/>
    <col min="8" max="16384" width="9" style="18"/>
  </cols>
  <sheetData>
    <row r="1" spans="1:14">
      <c r="A1" s="70" t="s">
        <v>331</v>
      </c>
      <c r="B1" s="70"/>
      <c r="C1" s="70"/>
    </row>
    <row r="2" spans="1:14">
      <c r="A2" s="121" t="s">
        <v>613</v>
      </c>
      <c r="B2" s="36"/>
      <c r="C2" s="36"/>
    </row>
    <row r="3" spans="1:14" ht="57.75" customHeight="1">
      <c r="A3" s="75" t="s">
        <v>295</v>
      </c>
      <c r="B3" s="82" t="s">
        <v>297</v>
      </c>
      <c r="C3" s="82"/>
      <c r="D3" s="82" t="s">
        <v>158</v>
      </c>
      <c r="E3" s="82"/>
      <c r="F3" s="82" t="s">
        <v>159</v>
      </c>
      <c r="G3" s="82"/>
    </row>
    <row r="4" spans="1:14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132</v>
      </c>
      <c r="B5" s="20">
        <v>690</v>
      </c>
      <c r="C5" s="20">
        <v>2106</v>
      </c>
      <c r="D5" s="20">
        <v>1611</v>
      </c>
      <c r="E5" s="20">
        <v>1185</v>
      </c>
      <c r="F5" s="20">
        <v>398</v>
      </c>
      <c r="G5" s="20">
        <v>2398</v>
      </c>
    </row>
    <row r="6" spans="1:14">
      <c r="A6" s="75"/>
      <c r="B6" s="21">
        <v>0.247</v>
      </c>
      <c r="C6" s="21">
        <v>0.753</v>
      </c>
      <c r="D6" s="21">
        <v>0.57599999999999996</v>
      </c>
      <c r="E6" s="21">
        <v>0.42399999999999999</v>
      </c>
      <c r="F6" s="21">
        <v>0.14199999999999999</v>
      </c>
      <c r="G6" s="21">
        <v>0.85799999999999998</v>
      </c>
    </row>
    <row r="7" spans="1:14" s="23" customFormat="1">
      <c r="A7" s="75" t="s">
        <v>133</v>
      </c>
      <c r="B7" s="20">
        <v>601</v>
      </c>
      <c r="C7" s="20">
        <v>1551</v>
      </c>
      <c r="D7" s="20">
        <v>1192</v>
      </c>
      <c r="E7" s="20">
        <v>960</v>
      </c>
      <c r="F7" s="20">
        <v>232</v>
      </c>
      <c r="G7" s="20">
        <v>1920</v>
      </c>
    </row>
    <row r="8" spans="1:14">
      <c r="A8" s="83"/>
      <c r="B8" s="21">
        <v>0.27900000000000003</v>
      </c>
      <c r="C8" s="21">
        <v>0.72099999999999997</v>
      </c>
      <c r="D8" s="21">
        <v>0.55400000000000005</v>
      </c>
      <c r="E8" s="21">
        <v>0.44600000000000001</v>
      </c>
      <c r="F8" s="21">
        <v>0.108</v>
      </c>
      <c r="G8" s="21">
        <v>0.89200000000000002</v>
      </c>
    </row>
    <row r="9" spans="1:14" s="23" customFormat="1">
      <c r="A9" s="87" t="s">
        <v>134</v>
      </c>
      <c r="B9" s="20">
        <v>196</v>
      </c>
      <c r="C9" s="20">
        <v>398</v>
      </c>
      <c r="D9" s="20">
        <v>284</v>
      </c>
      <c r="E9" s="20">
        <v>310</v>
      </c>
      <c r="F9" s="20">
        <v>64</v>
      </c>
      <c r="G9" s="20">
        <v>530</v>
      </c>
    </row>
    <row r="10" spans="1:14">
      <c r="A10" s="88"/>
      <c r="B10" s="21">
        <v>0.33</v>
      </c>
      <c r="C10" s="21">
        <v>0.67</v>
      </c>
      <c r="D10" s="21">
        <v>0.47799999999999998</v>
      </c>
      <c r="E10" s="21">
        <v>0.52200000000000002</v>
      </c>
      <c r="F10" s="21">
        <v>0.108</v>
      </c>
      <c r="G10" s="21">
        <v>0.89200000000000002</v>
      </c>
    </row>
    <row r="11" spans="1:14" s="23" customFormat="1">
      <c r="A11" s="87" t="s">
        <v>135</v>
      </c>
      <c r="B11" s="20">
        <v>28</v>
      </c>
      <c r="C11" s="20">
        <v>54</v>
      </c>
      <c r="D11" s="20">
        <v>40</v>
      </c>
      <c r="E11" s="20">
        <v>42</v>
      </c>
      <c r="F11" s="20">
        <v>9</v>
      </c>
      <c r="G11" s="20">
        <v>73</v>
      </c>
    </row>
    <row r="12" spans="1:14">
      <c r="A12" s="88"/>
      <c r="B12" s="21">
        <v>0.34100000000000003</v>
      </c>
      <c r="C12" s="21">
        <v>0.65900000000000003</v>
      </c>
      <c r="D12" s="21">
        <v>0.48799999999999999</v>
      </c>
      <c r="E12" s="21">
        <v>0.51200000000000001</v>
      </c>
      <c r="F12" s="21">
        <v>0.11</v>
      </c>
      <c r="G12" s="21">
        <v>0.89</v>
      </c>
    </row>
    <row r="13" spans="1:14">
      <c r="A13" s="75" t="s">
        <v>22</v>
      </c>
      <c r="B13" s="24">
        <v>13</v>
      </c>
      <c r="C13" s="24">
        <v>30</v>
      </c>
      <c r="D13" s="24">
        <v>21</v>
      </c>
      <c r="E13" s="24">
        <v>22</v>
      </c>
      <c r="F13" s="24">
        <v>3</v>
      </c>
      <c r="G13" s="24">
        <v>40</v>
      </c>
      <c r="H13" s="22"/>
      <c r="I13" s="22"/>
      <c r="J13" s="22"/>
      <c r="K13" s="22"/>
      <c r="L13" s="22"/>
      <c r="M13" s="22"/>
      <c r="N13" s="22"/>
    </row>
    <row r="14" spans="1:14">
      <c r="A14" s="83"/>
      <c r="B14" s="21">
        <v>0.30199999999999999</v>
      </c>
      <c r="C14" s="21">
        <v>0.69799999999999995</v>
      </c>
      <c r="D14" s="21">
        <v>0.48799999999999999</v>
      </c>
      <c r="E14" s="21">
        <v>0.51200000000000001</v>
      </c>
      <c r="F14" s="21">
        <v>7.0000000000000007E-2</v>
      </c>
      <c r="G14" s="21">
        <v>0.93</v>
      </c>
    </row>
    <row r="15" spans="1:14" s="23" customFormat="1">
      <c r="A15" s="75" t="s">
        <v>15</v>
      </c>
      <c r="B15" s="20">
        <v>1528</v>
      </c>
      <c r="C15" s="20">
        <v>4139</v>
      </c>
      <c r="D15" s="20">
        <v>3148</v>
      </c>
      <c r="E15" s="20">
        <v>2519</v>
      </c>
      <c r="F15" s="20">
        <v>706</v>
      </c>
      <c r="G15" s="20">
        <v>4961</v>
      </c>
    </row>
    <row r="16" spans="1:14">
      <c r="A16" s="83"/>
      <c r="B16" s="21">
        <v>0.27</v>
      </c>
      <c r="C16" s="21">
        <v>0.73</v>
      </c>
      <c r="D16" s="21">
        <v>0.55500000000000005</v>
      </c>
      <c r="E16" s="21">
        <v>0.44500000000000001</v>
      </c>
      <c r="F16" s="21">
        <v>0.125</v>
      </c>
      <c r="G16" s="21">
        <v>0.875</v>
      </c>
    </row>
    <row r="17" spans="1:14" ht="14.25" customHeight="1">
      <c r="B17" s="39"/>
      <c r="C17" s="39"/>
      <c r="D17" s="39"/>
      <c r="E17" s="39"/>
      <c r="F17" s="39"/>
      <c r="G17" s="39"/>
      <c r="H17" s="22"/>
      <c r="I17" s="22"/>
      <c r="J17" s="22"/>
      <c r="K17" s="22"/>
      <c r="L17" s="22"/>
      <c r="M17" s="22"/>
      <c r="N17" s="22"/>
    </row>
    <row r="18" spans="1:14" ht="30.75" customHeight="1">
      <c r="A18" s="75" t="s">
        <v>295</v>
      </c>
      <c r="B18" s="82" t="s">
        <v>160</v>
      </c>
      <c r="C18" s="82"/>
      <c r="D18" s="82" t="s">
        <v>161</v>
      </c>
      <c r="E18" s="82"/>
      <c r="F18" s="82" t="s">
        <v>162</v>
      </c>
      <c r="G18" s="82"/>
    </row>
    <row r="19" spans="1:14">
      <c r="A19" s="75"/>
      <c r="B19" s="11" t="s">
        <v>180</v>
      </c>
      <c r="C19" s="11" t="s">
        <v>181</v>
      </c>
      <c r="D19" s="11" t="s">
        <v>180</v>
      </c>
      <c r="E19" s="11" t="s">
        <v>181</v>
      </c>
      <c r="F19" s="11" t="s">
        <v>180</v>
      </c>
      <c r="G19" s="11" t="s">
        <v>181</v>
      </c>
    </row>
    <row r="20" spans="1:14">
      <c r="A20" s="75" t="s">
        <v>132</v>
      </c>
      <c r="B20" s="20">
        <v>713</v>
      </c>
      <c r="C20" s="20">
        <v>2083</v>
      </c>
      <c r="D20" s="20">
        <v>54</v>
      </c>
      <c r="E20" s="20">
        <v>2742</v>
      </c>
      <c r="F20" s="20">
        <v>169</v>
      </c>
      <c r="G20" s="20">
        <v>2627</v>
      </c>
    </row>
    <row r="21" spans="1:14">
      <c r="A21" s="75"/>
      <c r="B21" s="21">
        <v>0.255</v>
      </c>
      <c r="C21" s="21">
        <v>0.745</v>
      </c>
      <c r="D21" s="21">
        <v>1.9E-2</v>
      </c>
      <c r="E21" s="21">
        <v>0.98099999999999998</v>
      </c>
      <c r="F21" s="21">
        <v>0.06</v>
      </c>
      <c r="G21" s="21">
        <v>0.94</v>
      </c>
    </row>
    <row r="22" spans="1:14">
      <c r="A22" s="75" t="s">
        <v>133</v>
      </c>
      <c r="B22" s="20">
        <v>428</v>
      </c>
      <c r="C22" s="20">
        <v>1724</v>
      </c>
      <c r="D22" s="20">
        <v>22</v>
      </c>
      <c r="E22" s="20">
        <v>2130</v>
      </c>
      <c r="F22" s="20">
        <v>103</v>
      </c>
      <c r="G22" s="20">
        <v>2049</v>
      </c>
    </row>
    <row r="23" spans="1:14">
      <c r="A23" s="83"/>
      <c r="B23" s="21">
        <v>0.19900000000000001</v>
      </c>
      <c r="C23" s="21">
        <v>0.80100000000000005</v>
      </c>
      <c r="D23" s="21">
        <v>0.01</v>
      </c>
      <c r="E23" s="21">
        <v>0.99</v>
      </c>
      <c r="F23" s="21">
        <v>4.8000000000000001E-2</v>
      </c>
      <c r="G23" s="21">
        <v>0.95199999999999996</v>
      </c>
    </row>
    <row r="24" spans="1:14">
      <c r="A24" s="87" t="s">
        <v>134</v>
      </c>
      <c r="B24" s="20">
        <v>94</v>
      </c>
      <c r="C24" s="20">
        <v>500</v>
      </c>
      <c r="D24" s="20">
        <v>4</v>
      </c>
      <c r="E24" s="20">
        <v>590</v>
      </c>
      <c r="F24" s="20">
        <v>27</v>
      </c>
      <c r="G24" s="20">
        <v>567</v>
      </c>
    </row>
    <row r="25" spans="1:14">
      <c r="A25" s="88"/>
      <c r="B25" s="21">
        <v>0.158</v>
      </c>
      <c r="C25" s="21">
        <v>0.84199999999999997</v>
      </c>
      <c r="D25" s="21">
        <v>7.0000000000000001E-3</v>
      </c>
      <c r="E25" s="21">
        <v>0.99299999999999999</v>
      </c>
      <c r="F25" s="21">
        <v>4.4999999999999998E-2</v>
      </c>
      <c r="G25" s="21">
        <v>0.95499999999999996</v>
      </c>
    </row>
    <row r="26" spans="1:14">
      <c r="A26" s="87" t="s">
        <v>135</v>
      </c>
      <c r="B26" s="20">
        <v>11</v>
      </c>
      <c r="C26" s="20">
        <v>71</v>
      </c>
      <c r="D26" s="20">
        <v>1</v>
      </c>
      <c r="E26" s="20">
        <v>81</v>
      </c>
      <c r="F26" s="20">
        <v>3</v>
      </c>
      <c r="G26" s="20">
        <v>79</v>
      </c>
    </row>
    <row r="27" spans="1:14">
      <c r="A27" s="88"/>
      <c r="B27" s="21">
        <v>0.13400000000000001</v>
      </c>
      <c r="C27" s="21">
        <v>0.86599999999999999</v>
      </c>
      <c r="D27" s="21">
        <v>1.2E-2</v>
      </c>
      <c r="E27" s="21">
        <v>0.98799999999999999</v>
      </c>
      <c r="F27" s="21">
        <v>3.6999999999999998E-2</v>
      </c>
      <c r="G27" s="21">
        <v>0.96299999999999997</v>
      </c>
    </row>
    <row r="28" spans="1:14">
      <c r="A28" s="75" t="s">
        <v>22</v>
      </c>
      <c r="B28" s="24">
        <v>3</v>
      </c>
      <c r="C28" s="24">
        <v>40</v>
      </c>
      <c r="D28" s="24">
        <v>0</v>
      </c>
      <c r="E28" s="24">
        <v>43</v>
      </c>
      <c r="F28" s="24">
        <v>1</v>
      </c>
      <c r="G28" s="24">
        <v>42</v>
      </c>
    </row>
    <row r="29" spans="1:14">
      <c r="A29" s="83"/>
      <c r="B29" s="21">
        <v>7.0000000000000007E-2</v>
      </c>
      <c r="C29" s="21">
        <v>0.93</v>
      </c>
      <c r="D29" s="21">
        <v>0</v>
      </c>
      <c r="E29" s="21">
        <v>1</v>
      </c>
      <c r="F29" s="21">
        <v>2.3E-2</v>
      </c>
      <c r="G29" s="21">
        <v>0.97699999999999998</v>
      </c>
    </row>
    <row r="30" spans="1:14">
      <c r="A30" s="75" t="s">
        <v>15</v>
      </c>
      <c r="B30" s="20">
        <v>1249</v>
      </c>
      <c r="C30" s="20">
        <v>4418</v>
      </c>
      <c r="D30" s="20">
        <v>81</v>
      </c>
      <c r="E30" s="20">
        <v>5586</v>
      </c>
      <c r="F30" s="20">
        <v>303</v>
      </c>
      <c r="G30" s="20">
        <v>5364</v>
      </c>
    </row>
    <row r="31" spans="1:14">
      <c r="A31" s="83"/>
      <c r="B31" s="21">
        <v>0.22</v>
      </c>
      <c r="C31" s="21">
        <v>0.78</v>
      </c>
      <c r="D31" s="21">
        <v>1.4E-2</v>
      </c>
      <c r="E31" s="21">
        <v>0.98599999999999999</v>
      </c>
      <c r="F31" s="21">
        <v>5.2999999999999999E-2</v>
      </c>
      <c r="G31" s="21">
        <v>0.94699999999999995</v>
      </c>
    </row>
    <row r="32" spans="1:14">
      <c r="A32" s="71" t="s">
        <v>302</v>
      </c>
      <c r="B32" s="71"/>
      <c r="C32" s="71"/>
      <c r="D32" s="71"/>
      <c r="E32" s="71"/>
      <c r="F32" s="71"/>
      <c r="G32" s="71"/>
    </row>
    <row r="33" spans="1:7">
      <c r="A33" s="81"/>
      <c r="B33" s="81"/>
      <c r="C33" s="81"/>
      <c r="D33" s="81"/>
      <c r="E33" s="81"/>
      <c r="F33" s="81"/>
      <c r="G33" s="81"/>
    </row>
  </sheetData>
  <mergeCells count="22">
    <mergeCell ref="A1:C1"/>
    <mergeCell ref="A3:A4"/>
    <mergeCell ref="B3:C3"/>
    <mergeCell ref="D3:E3"/>
    <mergeCell ref="F3:G3"/>
    <mergeCell ref="A9:A10"/>
    <mergeCell ref="A11:A12"/>
    <mergeCell ref="D18:E18"/>
    <mergeCell ref="A5:A6"/>
    <mergeCell ref="A7:A8"/>
    <mergeCell ref="A13:A14"/>
    <mergeCell ref="A15:A16"/>
    <mergeCell ref="B18:C18"/>
    <mergeCell ref="A18:A19"/>
    <mergeCell ref="A30:A31"/>
    <mergeCell ref="F18:G18"/>
    <mergeCell ref="A32:G33"/>
    <mergeCell ref="A20:A21"/>
    <mergeCell ref="A22:A23"/>
    <mergeCell ref="A24:A25"/>
    <mergeCell ref="A26:A27"/>
    <mergeCell ref="A28:A29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Q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9" style="18" customWidth="1"/>
    <col min="7" max="16384" width="9" style="18"/>
  </cols>
  <sheetData>
    <row r="1" spans="1:17">
      <c r="A1" s="70" t="s">
        <v>38</v>
      </c>
      <c r="B1" s="70"/>
      <c r="C1" s="70"/>
      <c r="D1" s="70"/>
      <c r="E1" s="70"/>
      <c r="F1" s="70"/>
      <c r="G1" s="70"/>
    </row>
    <row r="2" spans="1:17">
      <c r="A2" s="121" t="s">
        <v>613</v>
      </c>
      <c r="B2" s="36"/>
      <c r="C2" s="36"/>
      <c r="D2" s="36"/>
      <c r="E2" s="36"/>
      <c r="F2" s="36"/>
      <c r="G2" s="36"/>
    </row>
    <row r="3" spans="1:17">
      <c r="A3" s="75" t="s">
        <v>6</v>
      </c>
      <c r="B3" s="76" t="s">
        <v>39</v>
      </c>
      <c r="C3" s="76"/>
      <c r="D3" s="76"/>
      <c r="E3" s="76"/>
      <c r="F3" s="76"/>
      <c r="G3" s="76"/>
    </row>
    <row r="4" spans="1:17" ht="42.75">
      <c r="A4" s="75"/>
      <c r="B4" s="11" t="s">
        <v>33</v>
      </c>
      <c r="C4" s="11" t="s">
        <v>34</v>
      </c>
      <c r="D4" s="11" t="s">
        <v>36</v>
      </c>
      <c r="E4" s="11" t="s">
        <v>35</v>
      </c>
      <c r="F4" s="11" t="s">
        <v>22</v>
      </c>
      <c r="G4" s="11" t="s">
        <v>15</v>
      </c>
    </row>
    <row r="5" spans="1:17">
      <c r="A5" s="73" t="s">
        <v>7</v>
      </c>
      <c r="B5" s="20">
        <v>2456</v>
      </c>
      <c r="C5" s="20">
        <v>44</v>
      </c>
      <c r="D5" s="20">
        <v>10</v>
      </c>
      <c r="E5" s="20">
        <v>3</v>
      </c>
      <c r="F5" s="20">
        <v>4</v>
      </c>
      <c r="G5" s="20">
        <v>2517</v>
      </c>
    </row>
    <row r="6" spans="1:17">
      <c r="A6" s="77"/>
      <c r="B6" s="21">
        <v>0.97599999999999998</v>
      </c>
      <c r="C6" s="21">
        <v>1.7000000000000001E-2</v>
      </c>
      <c r="D6" s="21">
        <v>4.0000000000000001E-3</v>
      </c>
      <c r="E6" s="21">
        <v>1E-3</v>
      </c>
      <c r="F6" s="21">
        <v>2E-3</v>
      </c>
      <c r="G6" s="21">
        <v>1</v>
      </c>
      <c r="L6" s="22"/>
      <c r="M6" s="22"/>
      <c r="N6" s="22"/>
      <c r="O6" s="22"/>
      <c r="P6" s="22"/>
      <c r="Q6" s="22"/>
    </row>
    <row r="7" spans="1:17">
      <c r="A7" s="73" t="s">
        <v>8</v>
      </c>
      <c r="B7" s="24">
        <v>518</v>
      </c>
      <c r="C7" s="24">
        <v>9</v>
      </c>
      <c r="D7" s="24">
        <v>2</v>
      </c>
      <c r="E7" s="24">
        <v>0</v>
      </c>
      <c r="F7" s="24">
        <v>0</v>
      </c>
      <c r="G7" s="20">
        <v>529</v>
      </c>
      <c r="L7" s="22"/>
      <c r="M7" s="22"/>
      <c r="N7" s="22"/>
      <c r="O7" s="22"/>
      <c r="P7" s="22"/>
    </row>
    <row r="8" spans="1:17">
      <c r="A8" s="74"/>
      <c r="B8" s="21">
        <v>0.97899999999999998</v>
      </c>
      <c r="C8" s="21">
        <v>1.7000000000000001E-2</v>
      </c>
      <c r="D8" s="21">
        <v>4.0000000000000001E-3</v>
      </c>
      <c r="E8" s="21">
        <v>0</v>
      </c>
      <c r="F8" s="21">
        <v>0</v>
      </c>
      <c r="G8" s="21">
        <v>1</v>
      </c>
      <c r="L8" s="22"/>
      <c r="M8" s="22"/>
      <c r="N8" s="22"/>
      <c r="O8" s="22"/>
      <c r="P8" s="22"/>
      <c r="Q8" s="22"/>
    </row>
    <row r="9" spans="1:17">
      <c r="A9" s="73" t="s">
        <v>9</v>
      </c>
      <c r="B9" s="24">
        <v>881</v>
      </c>
      <c r="C9" s="24">
        <v>27</v>
      </c>
      <c r="D9" s="24">
        <v>6</v>
      </c>
      <c r="E9" s="24">
        <v>1</v>
      </c>
      <c r="F9" s="24">
        <v>1</v>
      </c>
      <c r="G9" s="24">
        <v>916</v>
      </c>
      <c r="L9" s="22"/>
      <c r="M9" s="22"/>
      <c r="N9" s="22"/>
      <c r="O9" s="22"/>
      <c r="P9" s="22"/>
    </row>
    <row r="10" spans="1:17">
      <c r="A10" s="74"/>
      <c r="B10" s="21">
        <v>0.96199999999999997</v>
      </c>
      <c r="C10" s="21">
        <v>2.9000000000000001E-2</v>
      </c>
      <c r="D10" s="21">
        <v>7.0000000000000001E-3</v>
      </c>
      <c r="E10" s="21">
        <v>1E-3</v>
      </c>
      <c r="F10" s="21">
        <v>1E-3</v>
      </c>
      <c r="G10" s="21">
        <v>1</v>
      </c>
      <c r="L10" s="22"/>
      <c r="M10" s="22"/>
      <c r="N10" s="22"/>
      <c r="O10" s="22"/>
      <c r="P10" s="22"/>
      <c r="Q10" s="22"/>
    </row>
    <row r="11" spans="1:17">
      <c r="A11" s="78" t="s">
        <v>10</v>
      </c>
      <c r="B11" s="24">
        <v>265</v>
      </c>
      <c r="C11" s="24">
        <v>1</v>
      </c>
      <c r="D11" s="24">
        <v>1</v>
      </c>
      <c r="E11" s="24">
        <v>0</v>
      </c>
      <c r="F11" s="24">
        <v>0</v>
      </c>
      <c r="G11" s="24">
        <v>267</v>
      </c>
      <c r="L11" s="22"/>
      <c r="M11" s="22"/>
      <c r="N11" s="22"/>
      <c r="O11" s="22"/>
      <c r="P11" s="22"/>
    </row>
    <row r="12" spans="1:17">
      <c r="A12" s="79"/>
      <c r="B12" s="21">
        <v>0.99299999999999999</v>
      </c>
      <c r="C12" s="21">
        <v>4.0000000000000001E-3</v>
      </c>
      <c r="D12" s="21">
        <v>4.0000000000000001E-3</v>
      </c>
      <c r="E12" s="21">
        <v>0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</row>
    <row r="13" spans="1:17">
      <c r="A13" s="73" t="s">
        <v>11</v>
      </c>
      <c r="B13" s="24">
        <v>233</v>
      </c>
      <c r="C13" s="24">
        <v>3</v>
      </c>
      <c r="D13" s="24">
        <v>0</v>
      </c>
      <c r="E13" s="24">
        <v>0</v>
      </c>
      <c r="F13" s="24">
        <v>1</v>
      </c>
      <c r="G13" s="24">
        <v>237</v>
      </c>
      <c r="L13" s="22"/>
      <c r="M13" s="22"/>
      <c r="N13" s="22"/>
      <c r="O13" s="22"/>
      <c r="P13" s="22"/>
    </row>
    <row r="14" spans="1:17">
      <c r="A14" s="74"/>
      <c r="B14" s="21">
        <v>0.98299999999999998</v>
      </c>
      <c r="C14" s="21">
        <v>1.2999999999999999E-2</v>
      </c>
      <c r="D14" s="21">
        <v>0</v>
      </c>
      <c r="E14" s="21">
        <v>0</v>
      </c>
      <c r="F14" s="21">
        <v>4.0000000000000001E-3</v>
      </c>
      <c r="G14" s="21">
        <v>1</v>
      </c>
      <c r="L14" s="22"/>
      <c r="M14" s="22"/>
      <c r="N14" s="22"/>
      <c r="O14" s="22"/>
      <c r="P14" s="22"/>
      <c r="Q14" s="22"/>
    </row>
    <row r="15" spans="1:17">
      <c r="A15" s="73" t="s">
        <v>12</v>
      </c>
      <c r="B15" s="24">
        <v>221</v>
      </c>
      <c r="C15" s="24">
        <v>10</v>
      </c>
      <c r="D15" s="24">
        <v>0</v>
      </c>
      <c r="E15" s="24">
        <v>0</v>
      </c>
      <c r="F15" s="24">
        <v>0</v>
      </c>
      <c r="G15" s="24">
        <v>231</v>
      </c>
      <c r="L15" s="22"/>
      <c r="M15" s="22"/>
      <c r="N15" s="22"/>
      <c r="O15" s="22"/>
      <c r="P15" s="22"/>
    </row>
    <row r="16" spans="1:17">
      <c r="A16" s="74"/>
      <c r="B16" s="21">
        <v>0.95699999999999996</v>
      </c>
      <c r="C16" s="21">
        <v>4.2999999999999997E-2</v>
      </c>
      <c r="D16" s="21">
        <v>0</v>
      </c>
      <c r="E16" s="21">
        <v>0</v>
      </c>
      <c r="F16" s="21">
        <v>0</v>
      </c>
      <c r="G16" s="21">
        <v>1</v>
      </c>
      <c r="L16" s="22"/>
      <c r="M16" s="22"/>
      <c r="N16" s="22"/>
      <c r="O16" s="22"/>
      <c r="P16" s="22"/>
      <c r="Q16" s="22"/>
    </row>
    <row r="17" spans="1:17" s="23" customFormat="1">
      <c r="A17" s="73" t="s">
        <v>13</v>
      </c>
      <c r="B17" s="20">
        <v>1105</v>
      </c>
      <c r="C17" s="20">
        <v>35</v>
      </c>
      <c r="D17" s="20">
        <v>5</v>
      </c>
      <c r="E17" s="20">
        <v>0</v>
      </c>
      <c r="F17" s="20">
        <v>1</v>
      </c>
      <c r="G17" s="20">
        <v>1146</v>
      </c>
    </row>
    <row r="18" spans="1:17">
      <c r="A18" s="74"/>
      <c r="B18" s="21">
        <v>0.96399999999999997</v>
      </c>
      <c r="C18" s="21">
        <v>3.1E-2</v>
      </c>
      <c r="D18" s="21">
        <v>4.0000000000000001E-3</v>
      </c>
      <c r="E18" s="21">
        <v>0</v>
      </c>
      <c r="F18" s="21">
        <v>1E-3</v>
      </c>
      <c r="G18" s="21">
        <v>1</v>
      </c>
      <c r="L18" s="22"/>
      <c r="M18" s="22"/>
      <c r="N18" s="22"/>
      <c r="O18" s="22"/>
      <c r="P18" s="22"/>
      <c r="Q18" s="22"/>
    </row>
    <row r="19" spans="1:17">
      <c r="A19" s="73" t="s">
        <v>14</v>
      </c>
      <c r="B19" s="24">
        <v>172</v>
      </c>
      <c r="C19" s="24">
        <v>7</v>
      </c>
      <c r="D19" s="24">
        <v>0</v>
      </c>
      <c r="E19" s="24">
        <v>0</v>
      </c>
      <c r="F19" s="24">
        <v>0</v>
      </c>
      <c r="G19" s="24">
        <v>179</v>
      </c>
      <c r="L19" s="22"/>
      <c r="M19" s="22"/>
      <c r="N19" s="22"/>
      <c r="O19" s="22"/>
      <c r="P19" s="22"/>
    </row>
    <row r="20" spans="1:17">
      <c r="A20" s="74"/>
      <c r="B20" s="21">
        <v>0.96099999999999997</v>
      </c>
      <c r="C20" s="21">
        <v>3.9E-2</v>
      </c>
      <c r="D20" s="21">
        <v>0</v>
      </c>
      <c r="E20" s="21">
        <v>0</v>
      </c>
      <c r="F20" s="21">
        <v>0</v>
      </c>
      <c r="G20" s="21">
        <v>1</v>
      </c>
      <c r="L20" s="22"/>
      <c r="M20" s="22"/>
      <c r="N20" s="22"/>
      <c r="O20" s="22"/>
      <c r="P20" s="22"/>
      <c r="Q20" s="22"/>
    </row>
    <row r="21" spans="1:17">
      <c r="A21" s="72" t="s">
        <v>22</v>
      </c>
      <c r="B21" s="34">
        <v>45</v>
      </c>
      <c r="C21" s="34">
        <v>2</v>
      </c>
      <c r="D21" s="34">
        <v>1</v>
      </c>
      <c r="E21" s="34">
        <v>0</v>
      </c>
      <c r="F21" s="34">
        <v>0</v>
      </c>
      <c r="G21" s="34">
        <v>48</v>
      </c>
      <c r="L21" s="22"/>
      <c r="M21" s="22"/>
      <c r="N21" s="22"/>
      <c r="O21" s="22"/>
      <c r="P21" s="22"/>
    </row>
    <row r="22" spans="1:17" s="26" customFormat="1">
      <c r="A22" s="72"/>
      <c r="B22" s="33">
        <v>0.93799999999999994</v>
      </c>
      <c r="C22" s="33">
        <v>4.2000000000000003E-2</v>
      </c>
      <c r="D22" s="33">
        <v>2.1000000000000001E-2</v>
      </c>
      <c r="E22" s="33">
        <v>0</v>
      </c>
      <c r="F22" s="33">
        <v>0</v>
      </c>
      <c r="G22" s="33">
        <v>1</v>
      </c>
    </row>
    <row r="23" spans="1:17" s="23" customFormat="1">
      <c r="A23" s="73" t="s">
        <v>15</v>
      </c>
      <c r="B23" s="20">
        <v>5896</v>
      </c>
      <c r="C23" s="20">
        <v>138</v>
      </c>
      <c r="D23" s="20">
        <v>25</v>
      </c>
      <c r="E23" s="20">
        <v>4</v>
      </c>
      <c r="F23" s="20">
        <v>7</v>
      </c>
      <c r="G23" s="20">
        <v>6070</v>
      </c>
    </row>
    <row r="24" spans="1:17">
      <c r="A24" s="74"/>
      <c r="B24" s="21">
        <v>0.97099999999999997</v>
      </c>
      <c r="C24" s="21">
        <v>2.3E-2</v>
      </c>
      <c r="D24" s="21">
        <v>4.0000000000000001E-3</v>
      </c>
      <c r="E24" s="21">
        <v>1E-3</v>
      </c>
      <c r="F24" s="21">
        <v>1E-3</v>
      </c>
      <c r="G24" s="21">
        <v>1</v>
      </c>
      <c r="L24" s="22"/>
      <c r="M24" s="22"/>
      <c r="N24" s="22"/>
      <c r="O24" s="22"/>
      <c r="P24" s="22"/>
      <c r="Q24" s="22"/>
    </row>
    <row r="25" spans="1:17">
      <c r="A25" s="71" t="s">
        <v>40</v>
      </c>
      <c r="B25" s="71"/>
      <c r="C25" s="71"/>
      <c r="D25" s="71"/>
      <c r="E25" s="71"/>
      <c r="F25" s="71"/>
      <c r="G25" s="71"/>
      <c r="L25" s="22"/>
      <c r="M25" s="22"/>
      <c r="N25" s="22"/>
      <c r="O25" s="22"/>
      <c r="P25" s="22"/>
    </row>
    <row r="26" spans="1:17">
      <c r="A26" s="25"/>
      <c r="B26" s="25"/>
      <c r="C26" s="25"/>
      <c r="D26" s="25"/>
      <c r="E26" s="25"/>
      <c r="F26" s="25"/>
      <c r="G26" s="25"/>
    </row>
  </sheetData>
  <mergeCells count="14">
    <mergeCell ref="A23:A24"/>
    <mergeCell ref="A25:G25"/>
    <mergeCell ref="A11:A12"/>
    <mergeCell ref="A13:A14"/>
    <mergeCell ref="A15:A16"/>
    <mergeCell ref="A17:A18"/>
    <mergeCell ref="A19:A20"/>
    <mergeCell ref="A21:A22"/>
    <mergeCell ref="A9:A10"/>
    <mergeCell ref="A1:G1"/>
    <mergeCell ref="A3:A4"/>
    <mergeCell ref="B3:G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8"/>
  <dimension ref="A1:N3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.625" style="18" customWidth="1"/>
    <col min="8" max="16384" width="9" style="18"/>
  </cols>
  <sheetData>
    <row r="1" spans="1:14">
      <c r="A1" s="36" t="s">
        <v>332</v>
      </c>
    </row>
    <row r="2" spans="1:14">
      <c r="A2" s="121" t="s">
        <v>613</v>
      </c>
    </row>
    <row r="3" spans="1:14" ht="31.5" customHeight="1">
      <c r="A3" s="75" t="s">
        <v>295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4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132</v>
      </c>
      <c r="B5" s="20">
        <v>501</v>
      </c>
      <c r="C5" s="20">
        <v>2295</v>
      </c>
      <c r="D5" s="20">
        <v>79</v>
      </c>
      <c r="E5" s="20">
        <v>2717</v>
      </c>
      <c r="F5" s="20">
        <v>463</v>
      </c>
      <c r="G5" s="20">
        <v>2333</v>
      </c>
    </row>
    <row r="6" spans="1:14">
      <c r="A6" s="75"/>
      <c r="B6" s="21">
        <v>0.17899999999999999</v>
      </c>
      <c r="C6" s="21">
        <v>0.82099999999999995</v>
      </c>
      <c r="D6" s="21">
        <v>2.8000000000000001E-2</v>
      </c>
      <c r="E6" s="21">
        <v>0.97199999999999998</v>
      </c>
      <c r="F6" s="21">
        <v>0.16600000000000001</v>
      </c>
      <c r="G6" s="21">
        <v>0.83399999999999996</v>
      </c>
    </row>
    <row r="7" spans="1:14" s="23" customFormat="1">
      <c r="A7" s="75" t="s">
        <v>133</v>
      </c>
      <c r="B7" s="20">
        <v>426</v>
      </c>
      <c r="C7" s="20">
        <v>1726</v>
      </c>
      <c r="D7" s="20">
        <v>79</v>
      </c>
      <c r="E7" s="20">
        <v>2073</v>
      </c>
      <c r="F7" s="20">
        <v>303</v>
      </c>
      <c r="G7" s="20">
        <v>1849</v>
      </c>
    </row>
    <row r="8" spans="1:14">
      <c r="A8" s="83"/>
      <c r="B8" s="21">
        <v>0.19800000000000001</v>
      </c>
      <c r="C8" s="21">
        <v>0.80200000000000005</v>
      </c>
      <c r="D8" s="21">
        <v>3.6999999999999998E-2</v>
      </c>
      <c r="E8" s="21">
        <v>0.96299999999999997</v>
      </c>
      <c r="F8" s="21">
        <v>0.14099999999999999</v>
      </c>
      <c r="G8" s="21">
        <v>0.85899999999999999</v>
      </c>
    </row>
    <row r="9" spans="1:14" s="23" customFormat="1">
      <c r="A9" s="87" t="s">
        <v>134</v>
      </c>
      <c r="B9" s="20">
        <v>131</v>
      </c>
      <c r="C9" s="20">
        <v>463</v>
      </c>
      <c r="D9" s="20">
        <v>24</v>
      </c>
      <c r="E9" s="20">
        <v>570</v>
      </c>
      <c r="F9" s="20">
        <v>68</v>
      </c>
      <c r="G9" s="20">
        <v>526</v>
      </c>
    </row>
    <row r="10" spans="1:14">
      <c r="A10" s="88"/>
      <c r="B10" s="21">
        <v>0.221</v>
      </c>
      <c r="C10" s="21">
        <v>0.77900000000000003</v>
      </c>
      <c r="D10" s="21">
        <v>0.04</v>
      </c>
      <c r="E10" s="21">
        <v>0.96</v>
      </c>
      <c r="F10" s="21">
        <v>0.114</v>
      </c>
      <c r="G10" s="21">
        <v>0.88600000000000001</v>
      </c>
    </row>
    <row r="11" spans="1:14" s="23" customFormat="1">
      <c r="A11" s="87" t="s">
        <v>135</v>
      </c>
      <c r="B11" s="20">
        <v>27</v>
      </c>
      <c r="C11" s="20">
        <v>55</v>
      </c>
      <c r="D11" s="20">
        <v>2</v>
      </c>
      <c r="E11" s="20">
        <v>80</v>
      </c>
      <c r="F11" s="20">
        <v>10</v>
      </c>
      <c r="G11" s="20">
        <v>72</v>
      </c>
    </row>
    <row r="12" spans="1:14">
      <c r="A12" s="88"/>
      <c r="B12" s="21">
        <v>0.32900000000000001</v>
      </c>
      <c r="C12" s="21">
        <v>0.67100000000000004</v>
      </c>
      <c r="D12" s="21">
        <v>2.4E-2</v>
      </c>
      <c r="E12" s="21">
        <v>0.97599999999999998</v>
      </c>
      <c r="F12" s="21">
        <v>0.122</v>
      </c>
      <c r="G12" s="21">
        <v>0.878</v>
      </c>
    </row>
    <row r="13" spans="1:14">
      <c r="A13" s="75" t="s">
        <v>22</v>
      </c>
      <c r="B13" s="24">
        <v>8</v>
      </c>
      <c r="C13" s="24">
        <v>35</v>
      </c>
      <c r="D13" s="24">
        <v>3</v>
      </c>
      <c r="E13" s="24">
        <v>40</v>
      </c>
      <c r="F13" s="24">
        <v>4</v>
      </c>
      <c r="G13" s="24">
        <v>39</v>
      </c>
      <c r="H13" s="22"/>
      <c r="I13" s="22"/>
      <c r="J13" s="22"/>
      <c r="K13" s="22"/>
      <c r="L13" s="22"/>
      <c r="M13" s="22"/>
      <c r="N13" s="22"/>
    </row>
    <row r="14" spans="1:14">
      <c r="A14" s="83"/>
      <c r="B14" s="21">
        <v>0.186</v>
      </c>
      <c r="C14" s="21">
        <v>0.81399999999999995</v>
      </c>
      <c r="D14" s="21">
        <v>7.0000000000000007E-2</v>
      </c>
      <c r="E14" s="21">
        <v>0.93</v>
      </c>
      <c r="F14" s="21">
        <v>9.2999999999999999E-2</v>
      </c>
      <c r="G14" s="21">
        <v>0.90700000000000003</v>
      </c>
    </row>
    <row r="15" spans="1:14" s="23" customFormat="1">
      <c r="A15" s="75" t="s">
        <v>15</v>
      </c>
      <c r="B15" s="20">
        <v>1093</v>
      </c>
      <c r="C15" s="20">
        <v>4574</v>
      </c>
      <c r="D15" s="20">
        <v>187</v>
      </c>
      <c r="E15" s="20">
        <v>5480</v>
      </c>
      <c r="F15" s="20">
        <v>848</v>
      </c>
      <c r="G15" s="20">
        <v>4819</v>
      </c>
    </row>
    <row r="16" spans="1:14">
      <c r="A16" s="83"/>
      <c r="B16" s="21">
        <v>0.193</v>
      </c>
      <c r="C16" s="21">
        <v>0.80700000000000005</v>
      </c>
      <c r="D16" s="21">
        <v>3.3000000000000002E-2</v>
      </c>
      <c r="E16" s="21">
        <v>0.96699999999999997</v>
      </c>
      <c r="F16" s="21">
        <v>0.15</v>
      </c>
      <c r="G16" s="21">
        <v>0.85</v>
      </c>
    </row>
    <row r="17" spans="1:14">
      <c r="B17" s="39"/>
      <c r="C17" s="39"/>
      <c r="D17" s="39"/>
      <c r="E17" s="39"/>
      <c r="F17" s="39"/>
      <c r="G17" s="39"/>
      <c r="H17" s="22"/>
      <c r="I17" s="22"/>
      <c r="J17" s="22"/>
      <c r="K17" s="22"/>
      <c r="L17" s="22"/>
      <c r="M17" s="22"/>
      <c r="N17" s="22"/>
    </row>
    <row r="18" spans="1:14" ht="30" customHeight="1">
      <c r="A18" s="75" t="s">
        <v>295</v>
      </c>
      <c r="B18" s="82" t="s">
        <v>166</v>
      </c>
      <c r="C18" s="82"/>
    </row>
    <row r="19" spans="1:14">
      <c r="A19" s="75"/>
      <c r="B19" s="11" t="s">
        <v>180</v>
      </c>
      <c r="C19" s="11" t="s">
        <v>181</v>
      </c>
    </row>
    <row r="20" spans="1:14">
      <c r="A20" s="75" t="s">
        <v>132</v>
      </c>
      <c r="B20" s="20">
        <v>79</v>
      </c>
      <c r="C20" s="20">
        <v>2717</v>
      </c>
    </row>
    <row r="21" spans="1:14">
      <c r="A21" s="75"/>
      <c r="B21" s="21">
        <v>2.8000000000000001E-2</v>
      </c>
      <c r="C21" s="21">
        <v>0.97199999999999998</v>
      </c>
    </row>
    <row r="22" spans="1:14">
      <c r="A22" s="75" t="s">
        <v>133</v>
      </c>
      <c r="B22" s="20">
        <v>40</v>
      </c>
      <c r="C22" s="20">
        <v>2112</v>
      </c>
    </row>
    <row r="23" spans="1:14">
      <c r="A23" s="83"/>
      <c r="B23" s="21">
        <v>1.9E-2</v>
      </c>
      <c r="C23" s="21">
        <v>0.98099999999999998</v>
      </c>
    </row>
    <row r="24" spans="1:14">
      <c r="A24" s="87" t="s">
        <v>134</v>
      </c>
      <c r="B24" s="20">
        <v>10</v>
      </c>
      <c r="C24" s="20">
        <v>584</v>
      </c>
    </row>
    <row r="25" spans="1:14">
      <c r="A25" s="88"/>
      <c r="B25" s="21">
        <v>1.7000000000000001E-2</v>
      </c>
      <c r="C25" s="21">
        <v>0.98299999999999998</v>
      </c>
    </row>
    <row r="26" spans="1:14">
      <c r="A26" s="87" t="s">
        <v>135</v>
      </c>
      <c r="B26" s="20">
        <v>2</v>
      </c>
      <c r="C26" s="20">
        <v>80</v>
      </c>
    </row>
    <row r="27" spans="1:14">
      <c r="A27" s="88"/>
      <c r="B27" s="21">
        <v>2.4E-2</v>
      </c>
      <c r="C27" s="21">
        <v>0.97599999999999998</v>
      </c>
    </row>
    <row r="28" spans="1:14">
      <c r="A28" s="75" t="s">
        <v>22</v>
      </c>
      <c r="B28" s="24">
        <v>0</v>
      </c>
      <c r="C28" s="24">
        <v>43</v>
      </c>
    </row>
    <row r="29" spans="1:14">
      <c r="A29" s="83"/>
      <c r="B29" s="21">
        <v>0</v>
      </c>
      <c r="C29" s="21">
        <v>1</v>
      </c>
    </row>
    <row r="30" spans="1:14">
      <c r="A30" s="75" t="s">
        <v>15</v>
      </c>
      <c r="B30" s="20">
        <v>131</v>
      </c>
      <c r="C30" s="20">
        <v>5536</v>
      </c>
    </row>
    <row r="31" spans="1:14">
      <c r="A31" s="83"/>
      <c r="B31" s="21">
        <v>2.3E-2</v>
      </c>
      <c r="C31" s="21">
        <v>0.97699999999999998</v>
      </c>
    </row>
    <row r="32" spans="1:14" ht="14.1" customHeight="1">
      <c r="A32" s="71" t="s">
        <v>428</v>
      </c>
      <c r="B32" s="71"/>
      <c r="C32" s="71"/>
      <c r="D32" s="35"/>
      <c r="E32" s="35"/>
      <c r="F32" s="35"/>
      <c r="G32" s="35"/>
    </row>
    <row r="33" spans="1:7">
      <c r="A33" s="81"/>
      <c r="B33" s="81"/>
      <c r="C33" s="81"/>
      <c r="D33" s="35"/>
      <c r="E33" s="35"/>
      <c r="F33" s="35"/>
      <c r="G33" s="35"/>
    </row>
    <row r="34" spans="1:7">
      <c r="A34" s="81"/>
      <c r="B34" s="81"/>
      <c r="C34" s="81"/>
      <c r="D34" s="35"/>
      <c r="E34" s="35"/>
      <c r="F34" s="35"/>
      <c r="G34" s="35"/>
    </row>
    <row r="35" spans="1:7">
      <c r="A35" s="81"/>
      <c r="B35" s="81"/>
      <c r="C35" s="81"/>
      <c r="D35" s="35"/>
      <c r="E35" s="35"/>
      <c r="F35" s="35"/>
      <c r="G35" s="35"/>
    </row>
    <row r="36" spans="1:7">
      <c r="A36" s="35"/>
      <c r="B36" s="35"/>
      <c r="C36" s="35"/>
      <c r="D36" s="35"/>
      <c r="E36" s="35"/>
      <c r="F36" s="35"/>
      <c r="G36" s="35"/>
    </row>
  </sheetData>
  <mergeCells count="19">
    <mergeCell ref="A24:A25"/>
    <mergeCell ref="A26:A27"/>
    <mergeCell ref="A28:A29"/>
    <mergeCell ref="A32:C35"/>
    <mergeCell ref="F3:G3"/>
    <mergeCell ref="A18:A19"/>
    <mergeCell ref="A3:A4"/>
    <mergeCell ref="B3:C3"/>
    <mergeCell ref="D3:E3"/>
    <mergeCell ref="A13:A14"/>
    <mergeCell ref="A15:A16"/>
    <mergeCell ref="B18:C18"/>
    <mergeCell ref="A5:A6"/>
    <mergeCell ref="A7:A8"/>
    <mergeCell ref="A9:A10"/>
    <mergeCell ref="A11:A12"/>
    <mergeCell ref="A30:A31"/>
    <mergeCell ref="A20:A21"/>
    <mergeCell ref="A22:A23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9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11.625" style="18" bestFit="1" customWidth="1"/>
    <col min="3" max="3" width="13.875" style="18" bestFit="1" customWidth="1"/>
    <col min="4" max="5" width="8.875" style="18" customWidth="1"/>
    <col min="6" max="16384" width="9" style="18"/>
  </cols>
  <sheetData>
    <row r="1" spans="1:16">
      <c r="A1" s="70" t="s">
        <v>333</v>
      </c>
      <c r="B1" s="70"/>
      <c r="C1" s="70"/>
      <c r="D1" s="70"/>
      <c r="E1" s="70"/>
    </row>
    <row r="2" spans="1:16">
      <c r="A2" s="121" t="s">
        <v>613</v>
      </c>
      <c r="B2" s="36"/>
      <c r="C2" s="36"/>
      <c r="D2" s="36"/>
      <c r="E2" s="36"/>
    </row>
    <row r="3" spans="1:16">
      <c r="A3" s="75" t="s">
        <v>131</v>
      </c>
      <c r="B3" s="76" t="s">
        <v>88</v>
      </c>
      <c r="C3" s="76"/>
      <c r="D3" s="76"/>
      <c r="E3" s="76"/>
    </row>
    <row r="4" spans="1:16">
      <c r="A4" s="75"/>
      <c r="B4" s="11" t="s">
        <v>86</v>
      </c>
      <c r="C4" s="11" t="s">
        <v>87</v>
      </c>
      <c r="D4" s="11" t="s">
        <v>22</v>
      </c>
      <c r="E4" s="11" t="s">
        <v>15</v>
      </c>
    </row>
    <row r="5" spans="1:16">
      <c r="A5" s="73" t="s">
        <v>132</v>
      </c>
      <c r="B5" s="20">
        <v>2048</v>
      </c>
      <c r="C5" s="20">
        <v>885</v>
      </c>
      <c r="D5" s="20">
        <v>10</v>
      </c>
      <c r="E5" s="20">
        <v>2943</v>
      </c>
    </row>
    <row r="6" spans="1:16">
      <c r="A6" s="77"/>
      <c r="B6" s="21">
        <v>0.69599999999999995</v>
      </c>
      <c r="C6" s="21">
        <v>0.30099999999999999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</row>
    <row r="7" spans="1:16" s="23" customFormat="1">
      <c r="A7" s="73" t="s">
        <v>133</v>
      </c>
      <c r="B7" s="20">
        <v>1481</v>
      </c>
      <c r="C7" s="20">
        <v>843</v>
      </c>
      <c r="D7" s="20">
        <v>4</v>
      </c>
      <c r="E7" s="20">
        <v>2328</v>
      </c>
    </row>
    <row r="8" spans="1:16">
      <c r="A8" s="74"/>
      <c r="B8" s="21">
        <v>0.63600000000000001</v>
      </c>
      <c r="C8" s="21">
        <v>0.36199999999999999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</row>
    <row r="9" spans="1:16">
      <c r="A9" s="73" t="s">
        <v>134</v>
      </c>
      <c r="B9" s="24">
        <v>388</v>
      </c>
      <c r="C9" s="24">
        <v>263</v>
      </c>
      <c r="D9" s="24">
        <v>3</v>
      </c>
      <c r="E9" s="24">
        <v>654</v>
      </c>
      <c r="J9" s="22"/>
      <c r="K9" s="22"/>
      <c r="L9" s="22"/>
      <c r="M9" s="22"/>
      <c r="N9" s="22"/>
    </row>
    <row r="10" spans="1:16">
      <c r="A10" s="74"/>
      <c r="B10" s="21">
        <v>0.59299999999999997</v>
      </c>
      <c r="C10" s="21">
        <v>0.40200000000000002</v>
      </c>
      <c r="D10" s="21">
        <v>5.0000000000000001E-3</v>
      </c>
      <c r="E10" s="21">
        <v>1</v>
      </c>
      <c r="J10" s="22"/>
      <c r="K10" s="22"/>
      <c r="L10" s="22"/>
      <c r="M10" s="22"/>
      <c r="N10" s="22"/>
      <c r="O10" s="22"/>
      <c r="P10" s="22"/>
    </row>
    <row r="11" spans="1:16">
      <c r="A11" s="78" t="s">
        <v>135</v>
      </c>
      <c r="B11" s="24">
        <v>58</v>
      </c>
      <c r="C11" s="24">
        <v>37</v>
      </c>
      <c r="D11" s="24">
        <v>3</v>
      </c>
      <c r="E11" s="24">
        <v>98</v>
      </c>
      <c r="J11" s="22"/>
      <c r="K11" s="22"/>
      <c r="L11" s="22"/>
      <c r="M11" s="22"/>
      <c r="N11" s="22"/>
    </row>
    <row r="12" spans="1:16">
      <c r="A12" s="79"/>
      <c r="B12" s="21">
        <v>0.59199999999999997</v>
      </c>
      <c r="C12" s="21">
        <v>0.378</v>
      </c>
      <c r="D12" s="21">
        <v>3.1E-2</v>
      </c>
      <c r="E12" s="21">
        <v>1</v>
      </c>
      <c r="J12" s="22"/>
      <c r="K12" s="22"/>
      <c r="L12" s="22"/>
      <c r="M12" s="22"/>
      <c r="N12" s="22"/>
      <c r="O12" s="22"/>
      <c r="P12" s="22"/>
    </row>
    <row r="13" spans="1:16">
      <c r="A13" s="73" t="s">
        <v>22</v>
      </c>
      <c r="B13" s="24">
        <v>30</v>
      </c>
      <c r="C13" s="24">
        <v>17</v>
      </c>
      <c r="D13" s="24">
        <v>0</v>
      </c>
      <c r="E13" s="24">
        <v>47</v>
      </c>
      <c r="J13" s="22"/>
      <c r="K13" s="22"/>
      <c r="L13" s="22"/>
      <c r="M13" s="22"/>
      <c r="N13" s="22"/>
    </row>
    <row r="14" spans="1:16">
      <c r="A14" s="74"/>
      <c r="B14" s="21">
        <v>0.63800000000000001</v>
      </c>
      <c r="C14" s="21">
        <v>0.36199999999999999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</row>
    <row r="15" spans="1:16" s="23" customFormat="1">
      <c r="A15" s="73" t="s">
        <v>15</v>
      </c>
      <c r="B15" s="20">
        <v>4005</v>
      </c>
      <c r="C15" s="20">
        <v>2045</v>
      </c>
      <c r="D15" s="20">
        <v>20</v>
      </c>
      <c r="E15" s="20">
        <v>6070</v>
      </c>
    </row>
    <row r="16" spans="1:16">
      <c r="A16" s="74"/>
      <c r="B16" s="21">
        <v>0.66</v>
      </c>
      <c r="C16" s="21">
        <v>0.33700000000000002</v>
      </c>
      <c r="D16" s="21">
        <v>3.0000000000000001E-3</v>
      </c>
      <c r="E16" s="21">
        <v>1</v>
      </c>
      <c r="J16" s="22"/>
      <c r="K16" s="22"/>
      <c r="L16" s="22"/>
      <c r="M16" s="22"/>
      <c r="N16" s="22"/>
      <c r="O16" s="22"/>
      <c r="P16" s="22"/>
    </row>
    <row r="17" spans="1:14" ht="14.25" customHeight="1">
      <c r="A17" s="71" t="s">
        <v>225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81"/>
      <c r="B18" s="81"/>
      <c r="C18" s="81"/>
      <c r="D18" s="81"/>
      <c r="E18" s="81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1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8.875" style="18" customWidth="1"/>
    <col min="8" max="16384" width="9" style="18"/>
  </cols>
  <sheetData>
    <row r="1" spans="1:18">
      <c r="A1" s="70" t="s">
        <v>334</v>
      </c>
      <c r="B1" s="70"/>
      <c r="C1" s="70"/>
      <c r="D1" s="70"/>
      <c r="E1" s="70"/>
      <c r="F1" s="70"/>
      <c r="G1" s="70"/>
    </row>
    <row r="2" spans="1:18">
      <c r="A2" s="121" t="s">
        <v>613</v>
      </c>
      <c r="B2" s="36"/>
      <c r="C2" s="36"/>
      <c r="D2" s="36"/>
      <c r="E2" s="36"/>
      <c r="F2" s="36"/>
      <c r="G2" s="36"/>
    </row>
    <row r="3" spans="1:18">
      <c r="A3" s="75" t="s">
        <v>131</v>
      </c>
      <c r="B3" s="76" t="s">
        <v>99</v>
      </c>
      <c r="C3" s="76"/>
      <c r="D3" s="76"/>
      <c r="E3" s="76"/>
      <c r="F3" s="76"/>
      <c r="G3" s="76"/>
    </row>
    <row r="4" spans="1:18" ht="28.5">
      <c r="A4" s="75"/>
      <c r="B4" s="11" t="s">
        <v>184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8">
      <c r="A5" s="73" t="s">
        <v>132</v>
      </c>
      <c r="B5" s="20">
        <v>206</v>
      </c>
      <c r="C5" s="20">
        <v>696</v>
      </c>
      <c r="D5" s="20">
        <v>895</v>
      </c>
      <c r="E5" s="20">
        <v>1137</v>
      </c>
      <c r="F5" s="20">
        <v>9</v>
      </c>
      <c r="G5" s="20">
        <v>2943</v>
      </c>
    </row>
    <row r="6" spans="1:18">
      <c r="A6" s="77"/>
      <c r="B6" s="21">
        <v>7.0000000000000007E-2</v>
      </c>
      <c r="C6" s="21">
        <v>0.23599999999999999</v>
      </c>
      <c r="D6" s="21">
        <v>0.30399999999999999</v>
      </c>
      <c r="E6" s="21">
        <v>0.38600000000000001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</row>
    <row r="7" spans="1:18">
      <c r="A7" s="73" t="s">
        <v>133</v>
      </c>
      <c r="B7" s="24">
        <v>168</v>
      </c>
      <c r="C7" s="24">
        <v>546</v>
      </c>
      <c r="D7" s="24">
        <v>717</v>
      </c>
      <c r="E7" s="24">
        <v>891</v>
      </c>
      <c r="F7" s="24">
        <v>6</v>
      </c>
      <c r="G7" s="20">
        <v>2328</v>
      </c>
      <c r="L7" s="22"/>
      <c r="M7" s="22"/>
      <c r="N7" s="22"/>
      <c r="O7" s="22"/>
      <c r="P7" s="22"/>
    </row>
    <row r="8" spans="1:18">
      <c r="A8" s="74"/>
      <c r="B8" s="21">
        <v>7.1999999999999995E-2</v>
      </c>
      <c r="C8" s="21">
        <v>0.23499999999999999</v>
      </c>
      <c r="D8" s="21">
        <v>0.308</v>
      </c>
      <c r="E8" s="21">
        <v>0.38300000000000001</v>
      </c>
      <c r="F8" s="21">
        <v>3.0000000000000001E-3</v>
      </c>
      <c r="G8" s="21">
        <v>1</v>
      </c>
      <c r="L8" s="22"/>
      <c r="M8" s="22"/>
      <c r="N8" s="22"/>
      <c r="O8" s="22"/>
      <c r="P8" s="22"/>
      <c r="Q8" s="22"/>
      <c r="R8" s="22"/>
    </row>
    <row r="9" spans="1:18">
      <c r="A9" s="73" t="s">
        <v>134</v>
      </c>
      <c r="B9" s="24">
        <v>51</v>
      </c>
      <c r="C9" s="24">
        <v>148</v>
      </c>
      <c r="D9" s="24">
        <v>175</v>
      </c>
      <c r="E9" s="24">
        <v>279</v>
      </c>
      <c r="F9" s="24">
        <v>1</v>
      </c>
      <c r="G9" s="24">
        <v>654</v>
      </c>
      <c r="L9" s="22"/>
      <c r="M9" s="22"/>
      <c r="N9" s="22"/>
      <c r="O9" s="22"/>
      <c r="P9" s="22"/>
    </row>
    <row r="10" spans="1:18">
      <c r="A10" s="74"/>
      <c r="B10" s="21">
        <v>7.8E-2</v>
      </c>
      <c r="C10" s="21">
        <v>0.22600000000000001</v>
      </c>
      <c r="D10" s="21">
        <v>0.26800000000000002</v>
      </c>
      <c r="E10" s="21">
        <v>0.42699999999999999</v>
      </c>
      <c r="F10" s="21">
        <v>2E-3</v>
      </c>
      <c r="G10" s="21">
        <v>1</v>
      </c>
      <c r="L10" s="22"/>
      <c r="M10" s="22"/>
      <c r="N10" s="22"/>
      <c r="O10" s="22"/>
      <c r="P10" s="22"/>
      <c r="Q10" s="22"/>
      <c r="R10" s="22"/>
    </row>
    <row r="11" spans="1:18">
      <c r="A11" s="78" t="s">
        <v>135</v>
      </c>
      <c r="B11" s="24">
        <v>6</v>
      </c>
      <c r="C11" s="24">
        <v>24</v>
      </c>
      <c r="D11" s="24">
        <v>29</v>
      </c>
      <c r="E11" s="24">
        <v>36</v>
      </c>
      <c r="F11" s="24">
        <v>3</v>
      </c>
      <c r="G11" s="24">
        <v>98</v>
      </c>
      <c r="L11" s="22"/>
      <c r="M11" s="22"/>
      <c r="N11" s="22"/>
      <c r="O11" s="22"/>
      <c r="P11" s="22"/>
    </row>
    <row r="12" spans="1:18">
      <c r="A12" s="79"/>
      <c r="B12" s="21">
        <v>6.0999999999999999E-2</v>
      </c>
      <c r="C12" s="21">
        <v>0.245</v>
      </c>
      <c r="D12" s="21">
        <v>0.29599999999999999</v>
      </c>
      <c r="E12" s="21">
        <v>0.36699999999999999</v>
      </c>
      <c r="F12" s="21">
        <v>3.1E-2</v>
      </c>
      <c r="G12" s="21">
        <v>1</v>
      </c>
      <c r="L12" s="22"/>
      <c r="M12" s="22"/>
      <c r="N12" s="22"/>
      <c r="O12" s="22"/>
      <c r="P12" s="22"/>
      <c r="Q12" s="22"/>
      <c r="R12" s="22"/>
    </row>
    <row r="13" spans="1:18">
      <c r="A13" s="73" t="s">
        <v>22</v>
      </c>
      <c r="B13" s="24">
        <v>4</v>
      </c>
      <c r="C13" s="24">
        <v>10</v>
      </c>
      <c r="D13" s="24">
        <v>15</v>
      </c>
      <c r="E13" s="24">
        <v>18</v>
      </c>
      <c r="F13" s="24">
        <v>0</v>
      </c>
      <c r="G13" s="24">
        <v>47</v>
      </c>
      <c r="L13" s="22"/>
      <c r="M13" s="22"/>
      <c r="N13" s="22"/>
      <c r="O13" s="22"/>
      <c r="P13" s="22"/>
    </row>
    <row r="14" spans="1:18">
      <c r="A14" s="74"/>
      <c r="B14" s="21">
        <v>8.5000000000000006E-2</v>
      </c>
      <c r="C14" s="21">
        <v>0.21299999999999999</v>
      </c>
      <c r="D14" s="21">
        <v>0.31900000000000001</v>
      </c>
      <c r="E14" s="21">
        <v>0.38300000000000001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435</v>
      </c>
      <c r="C15" s="20">
        <v>1424</v>
      </c>
      <c r="D15" s="20">
        <v>1831</v>
      </c>
      <c r="E15" s="20">
        <v>2361</v>
      </c>
      <c r="F15" s="20">
        <v>19</v>
      </c>
      <c r="G15" s="20">
        <v>6070</v>
      </c>
    </row>
    <row r="16" spans="1:18">
      <c r="A16" s="74"/>
      <c r="B16" s="21">
        <v>7.1999999999999995E-2</v>
      </c>
      <c r="C16" s="21">
        <v>0.23499999999999999</v>
      </c>
      <c r="D16" s="21">
        <v>0.30199999999999999</v>
      </c>
      <c r="E16" s="21">
        <v>0.38900000000000001</v>
      </c>
      <c r="F16" s="21">
        <v>3.0000000000000001E-3</v>
      </c>
      <c r="G16" s="21">
        <v>1</v>
      </c>
      <c r="L16" s="22"/>
      <c r="M16" s="22"/>
      <c r="N16" s="22"/>
      <c r="O16" s="22"/>
      <c r="P16" s="22"/>
      <c r="Q16" s="22"/>
      <c r="R16" s="22"/>
    </row>
    <row r="17" spans="1:16" ht="14.25" customHeight="1">
      <c r="A17" s="71" t="s">
        <v>217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6">
      <c r="A18" s="81"/>
      <c r="B18" s="81"/>
      <c r="C18" s="81"/>
      <c r="D18" s="81"/>
      <c r="E18" s="81"/>
      <c r="F18" s="81"/>
      <c r="G18" s="81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2"/>
  <dimension ref="A1:Q19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8.875" style="18" customWidth="1"/>
    <col min="7" max="16384" width="9" style="18"/>
  </cols>
  <sheetData>
    <row r="1" spans="1:17">
      <c r="A1" s="70" t="s">
        <v>335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75" t="s">
        <v>131</v>
      </c>
      <c r="B3" s="76" t="s">
        <v>102</v>
      </c>
      <c r="C3" s="76"/>
      <c r="D3" s="76"/>
      <c r="E3" s="76"/>
      <c r="F3" s="76"/>
    </row>
    <row r="4" spans="1:17" ht="28.5">
      <c r="A4" s="75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7">
      <c r="A5" s="73" t="s">
        <v>132</v>
      </c>
      <c r="B5" s="20">
        <v>280</v>
      </c>
      <c r="C5" s="20">
        <v>543</v>
      </c>
      <c r="D5" s="20">
        <v>2108</v>
      </c>
      <c r="E5" s="20">
        <v>12</v>
      </c>
      <c r="F5" s="20">
        <v>2943</v>
      </c>
    </row>
    <row r="6" spans="1:17">
      <c r="A6" s="77"/>
      <c r="B6" s="21">
        <v>9.5000000000000001E-2</v>
      </c>
      <c r="C6" s="21">
        <v>0.185</v>
      </c>
      <c r="D6" s="21">
        <v>0.71599999999999997</v>
      </c>
      <c r="E6" s="21">
        <v>4.0000000000000001E-3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33</v>
      </c>
      <c r="B7" s="20">
        <v>223</v>
      </c>
      <c r="C7" s="20">
        <v>432</v>
      </c>
      <c r="D7" s="20">
        <v>1656</v>
      </c>
      <c r="E7" s="20">
        <v>17</v>
      </c>
      <c r="F7" s="20">
        <v>2328</v>
      </c>
    </row>
    <row r="8" spans="1:17">
      <c r="A8" s="74"/>
      <c r="B8" s="21">
        <v>9.6000000000000002E-2</v>
      </c>
      <c r="C8" s="21">
        <v>0.186</v>
      </c>
      <c r="D8" s="21">
        <v>0.71099999999999997</v>
      </c>
      <c r="E8" s="21">
        <v>7.0000000000000001E-3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>
      <c r="A9" s="73" t="s">
        <v>134</v>
      </c>
      <c r="B9" s="24">
        <v>71</v>
      </c>
      <c r="C9" s="24">
        <v>124</v>
      </c>
      <c r="D9" s="24">
        <v>457</v>
      </c>
      <c r="E9" s="24">
        <v>2</v>
      </c>
      <c r="F9" s="24">
        <v>654</v>
      </c>
      <c r="K9" s="22"/>
      <c r="L9" s="22"/>
      <c r="M9" s="22"/>
      <c r="N9" s="22"/>
      <c r="O9" s="22"/>
    </row>
    <row r="10" spans="1:17">
      <c r="A10" s="74"/>
      <c r="B10" s="21">
        <v>0.109</v>
      </c>
      <c r="C10" s="21">
        <v>0.19</v>
      </c>
      <c r="D10" s="21">
        <v>0.69899999999999995</v>
      </c>
      <c r="E10" s="21">
        <v>3.0000000000000001E-3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135</v>
      </c>
      <c r="B11" s="24">
        <v>14</v>
      </c>
      <c r="C11" s="24">
        <v>17</v>
      </c>
      <c r="D11" s="24">
        <v>64</v>
      </c>
      <c r="E11" s="24">
        <v>3</v>
      </c>
      <c r="F11" s="24">
        <v>98</v>
      </c>
      <c r="K11" s="22"/>
      <c r="L11" s="22"/>
      <c r="M11" s="22"/>
      <c r="N11" s="22"/>
      <c r="O11" s="22"/>
    </row>
    <row r="12" spans="1:17">
      <c r="A12" s="79"/>
      <c r="B12" s="21">
        <v>0.14299999999999999</v>
      </c>
      <c r="C12" s="21">
        <v>0.17299999999999999</v>
      </c>
      <c r="D12" s="21">
        <v>0.65300000000000002</v>
      </c>
      <c r="E12" s="21">
        <v>3.1E-2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5</v>
      </c>
      <c r="C13" s="24">
        <v>7</v>
      </c>
      <c r="D13" s="24">
        <v>35</v>
      </c>
      <c r="E13" s="24">
        <v>0</v>
      </c>
      <c r="F13" s="24">
        <v>47</v>
      </c>
      <c r="K13" s="22"/>
      <c r="L13" s="22"/>
      <c r="M13" s="22"/>
      <c r="N13" s="22"/>
      <c r="O13" s="22"/>
    </row>
    <row r="14" spans="1:17">
      <c r="A14" s="74"/>
      <c r="B14" s="21">
        <v>0.106</v>
      </c>
      <c r="C14" s="21">
        <v>0.14899999999999999</v>
      </c>
      <c r="D14" s="21">
        <v>0.745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593</v>
      </c>
      <c r="C15" s="20">
        <v>1123</v>
      </c>
      <c r="D15" s="20">
        <v>4320</v>
      </c>
      <c r="E15" s="20">
        <v>34</v>
      </c>
      <c r="F15" s="20">
        <v>6070</v>
      </c>
    </row>
    <row r="16" spans="1:17">
      <c r="A16" s="74"/>
      <c r="B16" s="21">
        <v>9.8000000000000004E-2</v>
      </c>
      <c r="C16" s="21">
        <v>0.185</v>
      </c>
      <c r="D16" s="21">
        <v>0.71199999999999997</v>
      </c>
      <c r="E16" s="21">
        <v>6.0000000000000001E-3</v>
      </c>
      <c r="F16" s="21">
        <v>1</v>
      </c>
      <c r="K16" s="22"/>
      <c r="L16" s="22"/>
      <c r="M16" s="22"/>
      <c r="N16" s="22"/>
      <c r="O16" s="22"/>
      <c r="P16" s="22"/>
      <c r="Q16" s="22"/>
    </row>
    <row r="17" spans="1:15" ht="14.25" customHeight="1">
      <c r="A17" s="80" t="s">
        <v>227</v>
      </c>
      <c r="B17" s="80"/>
      <c r="C17" s="80"/>
      <c r="D17" s="80"/>
      <c r="E17" s="80"/>
      <c r="F17" s="80"/>
      <c r="K17" s="22"/>
      <c r="L17" s="22"/>
      <c r="M17" s="22"/>
      <c r="N17" s="22"/>
      <c r="O17" s="22"/>
    </row>
    <row r="18" spans="1:15">
      <c r="A18" s="86"/>
      <c r="B18" s="86"/>
      <c r="C18" s="86"/>
      <c r="D18" s="86"/>
      <c r="E18" s="86"/>
      <c r="F18" s="86"/>
    </row>
    <row r="19" spans="1:15">
      <c r="A19" s="86"/>
      <c r="B19" s="86"/>
      <c r="C19" s="86"/>
      <c r="D19" s="86"/>
      <c r="E19" s="86"/>
      <c r="F19" s="86"/>
    </row>
  </sheetData>
  <mergeCells count="10">
    <mergeCell ref="A17:F19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3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3" width="8.875" style="18" customWidth="1"/>
    <col min="4" max="4" width="13.875" style="18" bestFit="1" customWidth="1"/>
    <col min="5" max="6" width="8.875" style="18" customWidth="1"/>
    <col min="7" max="16384" width="9" style="18"/>
  </cols>
  <sheetData>
    <row r="1" spans="1:17">
      <c r="A1" s="70" t="s">
        <v>336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75" t="s">
        <v>131</v>
      </c>
      <c r="B3" s="76" t="s">
        <v>106</v>
      </c>
      <c r="C3" s="76"/>
      <c r="D3" s="76"/>
      <c r="E3" s="76"/>
      <c r="F3" s="76"/>
    </row>
    <row r="4" spans="1:17" ht="28.5">
      <c r="A4" s="75"/>
      <c r="B4" s="11" t="s">
        <v>43</v>
      </c>
      <c r="C4" s="11" t="s">
        <v>44</v>
      </c>
      <c r="D4" s="11" t="s">
        <v>201</v>
      </c>
      <c r="E4" s="11" t="s">
        <v>22</v>
      </c>
      <c r="F4" s="11" t="s">
        <v>15</v>
      </c>
    </row>
    <row r="5" spans="1:17">
      <c r="A5" s="73" t="s">
        <v>132</v>
      </c>
      <c r="B5" s="20">
        <v>1181</v>
      </c>
      <c r="C5" s="20">
        <v>1367</v>
      </c>
      <c r="D5" s="20">
        <v>389</v>
      </c>
      <c r="E5" s="20">
        <v>6</v>
      </c>
      <c r="F5" s="20">
        <v>2943</v>
      </c>
    </row>
    <row r="6" spans="1:17">
      <c r="A6" s="77"/>
      <c r="B6" s="21">
        <v>0.40100000000000002</v>
      </c>
      <c r="C6" s="21">
        <v>0.46400000000000002</v>
      </c>
      <c r="D6" s="21">
        <v>0.13200000000000001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>
      <c r="A7" s="73" t="s">
        <v>133</v>
      </c>
      <c r="B7" s="24">
        <v>934</v>
      </c>
      <c r="C7" s="24">
        <v>993</v>
      </c>
      <c r="D7" s="24">
        <v>398</v>
      </c>
      <c r="E7" s="24">
        <v>3</v>
      </c>
      <c r="F7" s="20">
        <v>2328</v>
      </c>
      <c r="K7" s="22"/>
      <c r="L7" s="22"/>
      <c r="M7" s="22"/>
      <c r="N7" s="22"/>
      <c r="O7" s="22"/>
    </row>
    <row r="8" spans="1:17">
      <c r="A8" s="74"/>
      <c r="B8" s="21">
        <v>0.40100000000000002</v>
      </c>
      <c r="C8" s="21">
        <v>0.42699999999999999</v>
      </c>
      <c r="D8" s="21">
        <v>0.17100000000000001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>
      <c r="A9" s="73" t="s">
        <v>134</v>
      </c>
      <c r="B9" s="24">
        <v>283</v>
      </c>
      <c r="C9" s="24">
        <v>248</v>
      </c>
      <c r="D9" s="24">
        <v>122</v>
      </c>
      <c r="E9" s="24">
        <v>1</v>
      </c>
      <c r="F9" s="24">
        <v>654</v>
      </c>
      <c r="K9" s="22"/>
      <c r="L9" s="22"/>
      <c r="M9" s="22"/>
      <c r="N9" s="22"/>
      <c r="O9" s="22"/>
    </row>
    <row r="10" spans="1:17">
      <c r="A10" s="74"/>
      <c r="B10" s="21">
        <v>0.433</v>
      </c>
      <c r="C10" s="21">
        <v>0.379</v>
      </c>
      <c r="D10" s="21">
        <v>0.187</v>
      </c>
      <c r="E10" s="21">
        <v>2E-3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135</v>
      </c>
      <c r="B11" s="24">
        <v>40</v>
      </c>
      <c r="C11" s="24">
        <v>38</v>
      </c>
      <c r="D11" s="24">
        <v>17</v>
      </c>
      <c r="E11" s="24">
        <v>3</v>
      </c>
      <c r="F11" s="24">
        <v>98</v>
      </c>
      <c r="K11" s="22"/>
      <c r="L11" s="22"/>
      <c r="M11" s="22"/>
      <c r="N11" s="22"/>
      <c r="O11" s="22"/>
    </row>
    <row r="12" spans="1:17">
      <c r="A12" s="79"/>
      <c r="B12" s="21">
        <v>0.40799999999999997</v>
      </c>
      <c r="C12" s="21">
        <v>0.38800000000000001</v>
      </c>
      <c r="D12" s="21">
        <v>0.17299999999999999</v>
      </c>
      <c r="E12" s="21">
        <v>3.1E-2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19</v>
      </c>
      <c r="C13" s="24">
        <v>20</v>
      </c>
      <c r="D13" s="24">
        <v>8</v>
      </c>
      <c r="E13" s="24">
        <v>0</v>
      </c>
      <c r="F13" s="24">
        <v>47</v>
      </c>
      <c r="K13" s="22"/>
      <c r="L13" s="22"/>
      <c r="M13" s="22"/>
      <c r="N13" s="22"/>
      <c r="O13" s="22"/>
    </row>
    <row r="14" spans="1:17">
      <c r="A14" s="74"/>
      <c r="B14" s="21">
        <v>0.40400000000000003</v>
      </c>
      <c r="C14" s="21">
        <v>0.42599999999999999</v>
      </c>
      <c r="D14" s="21">
        <v>0.17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2457</v>
      </c>
      <c r="C15" s="20">
        <v>2666</v>
      </c>
      <c r="D15" s="20">
        <v>934</v>
      </c>
      <c r="E15" s="20">
        <v>13</v>
      </c>
      <c r="F15" s="20">
        <v>6070</v>
      </c>
    </row>
    <row r="16" spans="1:17">
      <c r="A16" s="74"/>
      <c r="B16" s="21">
        <v>0.40500000000000003</v>
      </c>
      <c r="C16" s="21">
        <v>0.439</v>
      </c>
      <c r="D16" s="21">
        <v>0.154</v>
      </c>
      <c r="E16" s="21">
        <v>2E-3</v>
      </c>
      <c r="F16" s="21">
        <v>1</v>
      </c>
      <c r="K16" s="22"/>
      <c r="L16" s="22"/>
      <c r="M16" s="22"/>
      <c r="N16" s="22"/>
      <c r="O16" s="22"/>
      <c r="P16" s="22"/>
      <c r="Q16" s="22"/>
    </row>
    <row r="17" spans="1:15">
      <c r="A17" s="71" t="s">
        <v>261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25"/>
      <c r="B18" s="25"/>
      <c r="C18" s="25"/>
      <c r="D18" s="25"/>
      <c r="E18" s="25"/>
      <c r="F18" s="25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4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4" width="8.875" style="18" customWidth="1"/>
    <col min="5" max="5" width="11.625" style="18" bestFit="1" customWidth="1"/>
    <col min="6" max="7" width="8.875" style="18" customWidth="1"/>
    <col min="8" max="16384" width="9" style="18"/>
  </cols>
  <sheetData>
    <row r="1" spans="1:18">
      <c r="A1" s="70" t="s">
        <v>337</v>
      </c>
      <c r="B1" s="70"/>
      <c r="C1" s="70"/>
      <c r="D1" s="70"/>
      <c r="E1" s="70"/>
      <c r="F1" s="70"/>
      <c r="G1" s="70"/>
    </row>
    <row r="2" spans="1:18">
      <c r="A2" s="121" t="s">
        <v>613</v>
      </c>
      <c r="B2" s="36"/>
      <c r="C2" s="36"/>
      <c r="D2" s="36"/>
      <c r="E2" s="36"/>
      <c r="F2" s="36"/>
      <c r="G2" s="36"/>
    </row>
    <row r="3" spans="1:18">
      <c r="A3" s="75" t="s">
        <v>131</v>
      </c>
      <c r="B3" s="76" t="s">
        <v>109</v>
      </c>
      <c r="C3" s="76"/>
      <c r="D3" s="76"/>
      <c r="E3" s="76"/>
      <c r="F3" s="76"/>
      <c r="G3" s="76"/>
    </row>
    <row r="4" spans="1:18" ht="28.5">
      <c r="A4" s="75"/>
      <c r="B4" s="11" t="s">
        <v>110</v>
      </c>
      <c r="C4" s="11" t="s">
        <v>111</v>
      </c>
      <c r="D4" s="11" t="s">
        <v>112</v>
      </c>
      <c r="E4" s="11" t="s">
        <v>203</v>
      </c>
      <c r="F4" s="11" t="s">
        <v>22</v>
      </c>
      <c r="G4" s="11" t="s">
        <v>15</v>
      </c>
    </row>
    <row r="5" spans="1:18">
      <c r="A5" s="73" t="s">
        <v>132</v>
      </c>
      <c r="B5" s="20">
        <v>555</v>
      </c>
      <c r="C5" s="20">
        <v>266</v>
      </c>
      <c r="D5" s="20">
        <v>39</v>
      </c>
      <c r="E5" s="20">
        <v>317</v>
      </c>
      <c r="F5" s="20">
        <v>4</v>
      </c>
      <c r="G5" s="20">
        <v>1181</v>
      </c>
    </row>
    <row r="6" spans="1:18">
      <c r="A6" s="77"/>
      <c r="B6" s="21">
        <v>0.47</v>
      </c>
      <c r="C6" s="21">
        <v>0.22500000000000001</v>
      </c>
      <c r="D6" s="21">
        <v>3.3000000000000002E-2</v>
      </c>
      <c r="E6" s="21">
        <v>0.26800000000000002</v>
      </c>
      <c r="F6" s="21">
        <v>3.0000000000000001E-3</v>
      </c>
      <c r="G6" s="21">
        <v>1</v>
      </c>
      <c r="L6" s="22"/>
      <c r="M6" s="22"/>
      <c r="N6" s="22"/>
      <c r="O6" s="22"/>
      <c r="P6" s="22"/>
      <c r="Q6" s="22"/>
      <c r="R6" s="22"/>
    </row>
    <row r="7" spans="1:18">
      <c r="A7" s="73" t="s">
        <v>133</v>
      </c>
      <c r="B7" s="24">
        <v>425</v>
      </c>
      <c r="C7" s="24">
        <v>171</v>
      </c>
      <c r="D7" s="24">
        <v>35</v>
      </c>
      <c r="E7" s="24">
        <v>302</v>
      </c>
      <c r="F7" s="24">
        <v>1</v>
      </c>
      <c r="G7" s="20">
        <v>934</v>
      </c>
      <c r="L7" s="22"/>
      <c r="M7" s="22"/>
      <c r="N7" s="22"/>
      <c r="O7" s="22"/>
      <c r="P7" s="22"/>
    </row>
    <row r="8" spans="1:18">
      <c r="A8" s="74"/>
      <c r="B8" s="21">
        <v>0.45500000000000002</v>
      </c>
      <c r="C8" s="21">
        <v>0.183</v>
      </c>
      <c r="D8" s="21">
        <v>3.6999999999999998E-2</v>
      </c>
      <c r="E8" s="21">
        <v>0.32300000000000001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</row>
    <row r="9" spans="1:18">
      <c r="A9" s="73" t="s">
        <v>134</v>
      </c>
      <c r="B9" s="24">
        <v>113</v>
      </c>
      <c r="C9" s="24">
        <v>55</v>
      </c>
      <c r="D9" s="24">
        <v>10</v>
      </c>
      <c r="E9" s="24">
        <v>104</v>
      </c>
      <c r="F9" s="24">
        <v>1</v>
      </c>
      <c r="G9" s="24">
        <v>283</v>
      </c>
      <c r="L9" s="22"/>
      <c r="M9" s="22"/>
      <c r="N9" s="22"/>
      <c r="O9" s="22"/>
      <c r="P9" s="22"/>
    </row>
    <row r="10" spans="1:18">
      <c r="A10" s="74"/>
      <c r="B10" s="21">
        <v>0.39900000000000002</v>
      </c>
      <c r="C10" s="21">
        <v>0.19400000000000001</v>
      </c>
      <c r="D10" s="21">
        <v>3.5000000000000003E-2</v>
      </c>
      <c r="E10" s="21">
        <v>0.36699999999999999</v>
      </c>
      <c r="F10" s="21">
        <v>4.0000000000000001E-3</v>
      </c>
      <c r="G10" s="21">
        <v>1</v>
      </c>
      <c r="L10" s="22"/>
      <c r="M10" s="22"/>
      <c r="N10" s="22"/>
      <c r="O10" s="22"/>
      <c r="P10" s="22"/>
      <c r="Q10" s="22"/>
      <c r="R10" s="22"/>
    </row>
    <row r="11" spans="1:18">
      <c r="A11" s="78" t="s">
        <v>135</v>
      </c>
      <c r="B11" s="24">
        <v>9</v>
      </c>
      <c r="C11" s="24">
        <v>12</v>
      </c>
      <c r="D11" s="24">
        <v>0</v>
      </c>
      <c r="E11" s="24">
        <v>19</v>
      </c>
      <c r="F11" s="24">
        <v>0</v>
      </c>
      <c r="G11" s="24">
        <v>40</v>
      </c>
      <c r="L11" s="22"/>
      <c r="M11" s="22"/>
      <c r="N11" s="22"/>
      <c r="O11" s="22"/>
      <c r="P11" s="22"/>
    </row>
    <row r="12" spans="1:18">
      <c r="A12" s="79"/>
      <c r="B12" s="21">
        <v>0.22500000000000001</v>
      </c>
      <c r="C12" s="21">
        <v>0.3</v>
      </c>
      <c r="D12" s="21">
        <v>0</v>
      </c>
      <c r="E12" s="21">
        <v>0.47499999999999998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</row>
    <row r="13" spans="1:18">
      <c r="A13" s="73" t="s">
        <v>22</v>
      </c>
      <c r="B13" s="24">
        <v>3</v>
      </c>
      <c r="C13" s="24">
        <v>8</v>
      </c>
      <c r="D13" s="24">
        <v>0</v>
      </c>
      <c r="E13" s="24">
        <v>8</v>
      </c>
      <c r="F13" s="24">
        <v>0</v>
      </c>
      <c r="G13" s="24">
        <v>19</v>
      </c>
      <c r="L13" s="22"/>
      <c r="M13" s="22"/>
      <c r="N13" s="22"/>
      <c r="O13" s="22"/>
      <c r="P13" s="22"/>
    </row>
    <row r="14" spans="1:18">
      <c r="A14" s="74"/>
      <c r="B14" s="21">
        <v>0.158</v>
      </c>
      <c r="C14" s="21">
        <v>0.42099999999999999</v>
      </c>
      <c r="D14" s="21">
        <v>0</v>
      </c>
      <c r="E14" s="21">
        <v>0.42099999999999999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1105</v>
      </c>
      <c r="C15" s="20">
        <v>512</v>
      </c>
      <c r="D15" s="20">
        <v>84</v>
      </c>
      <c r="E15" s="20">
        <v>750</v>
      </c>
      <c r="F15" s="20">
        <v>6</v>
      </c>
      <c r="G15" s="20">
        <v>2457</v>
      </c>
    </row>
    <row r="16" spans="1:18">
      <c r="A16" s="74"/>
      <c r="B16" s="21">
        <v>0.45</v>
      </c>
      <c r="C16" s="21">
        <v>0.20799999999999999</v>
      </c>
      <c r="D16" s="21">
        <v>3.4000000000000002E-2</v>
      </c>
      <c r="E16" s="21">
        <v>0.30499999999999999</v>
      </c>
      <c r="F16" s="21">
        <v>2E-3</v>
      </c>
      <c r="G16" s="21">
        <v>1</v>
      </c>
      <c r="L16" s="22"/>
      <c r="M16" s="22"/>
      <c r="N16" s="22"/>
      <c r="O16" s="22"/>
      <c r="P16" s="22"/>
      <c r="Q16" s="22"/>
      <c r="R16" s="22"/>
    </row>
    <row r="17" spans="1:16">
      <c r="A17" s="71" t="s">
        <v>218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6">
      <c r="A18" s="25"/>
      <c r="B18" s="25"/>
      <c r="C18" s="25"/>
      <c r="D18" s="25"/>
      <c r="E18" s="25"/>
      <c r="F18" s="25"/>
      <c r="G18" s="25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5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8.875" style="18" customWidth="1"/>
    <col min="3" max="4" width="9.5" style="18" bestFit="1" customWidth="1"/>
    <col min="5" max="6" width="8.875" style="18" customWidth="1"/>
    <col min="7" max="16384" width="9" style="18"/>
  </cols>
  <sheetData>
    <row r="1" spans="1:15">
      <c r="A1" s="70" t="s">
        <v>338</v>
      </c>
      <c r="B1" s="70"/>
      <c r="C1" s="70"/>
      <c r="D1" s="70"/>
      <c r="E1" s="70"/>
      <c r="F1" s="70"/>
    </row>
    <row r="2" spans="1:15">
      <c r="A2" s="121" t="s">
        <v>613</v>
      </c>
      <c r="B2" s="36"/>
      <c r="C2" s="36"/>
      <c r="D2" s="36"/>
      <c r="E2" s="36"/>
      <c r="F2" s="36"/>
    </row>
    <row r="3" spans="1:15">
      <c r="A3" s="75" t="s">
        <v>142</v>
      </c>
      <c r="B3" s="76" t="s">
        <v>23</v>
      </c>
      <c r="C3" s="76"/>
      <c r="D3" s="76"/>
      <c r="E3" s="76"/>
      <c r="F3" s="76"/>
    </row>
    <row r="4" spans="1:15" ht="28.5">
      <c r="A4" s="75"/>
      <c r="B4" s="11" t="s">
        <v>205</v>
      </c>
      <c r="C4" s="11" t="s">
        <v>20</v>
      </c>
      <c r="D4" s="11" t="s">
        <v>21</v>
      </c>
      <c r="E4" s="11" t="s">
        <v>22</v>
      </c>
      <c r="F4" s="11" t="s">
        <v>15</v>
      </c>
    </row>
    <row r="5" spans="1:15">
      <c r="A5" s="73" t="s">
        <v>138</v>
      </c>
      <c r="B5" s="20">
        <v>318</v>
      </c>
      <c r="C5" s="20">
        <v>391</v>
      </c>
      <c r="D5" s="20">
        <v>33</v>
      </c>
      <c r="E5" s="20">
        <v>4</v>
      </c>
      <c r="F5" s="20">
        <v>746</v>
      </c>
    </row>
    <row r="6" spans="1:15">
      <c r="A6" s="77"/>
      <c r="B6" s="21">
        <v>0.42599999999999999</v>
      </c>
      <c r="C6" s="21">
        <v>0.52400000000000002</v>
      </c>
      <c r="D6" s="21">
        <v>4.3999999999999997E-2</v>
      </c>
      <c r="E6" s="21">
        <v>5.0000000000000001E-3</v>
      </c>
      <c r="F6" s="21">
        <v>1</v>
      </c>
      <c r="K6" s="22"/>
      <c r="L6" s="22"/>
      <c r="M6" s="22"/>
      <c r="N6" s="22"/>
      <c r="O6" s="22"/>
    </row>
    <row r="7" spans="1:15" s="23" customFormat="1">
      <c r="A7" s="73" t="s">
        <v>139</v>
      </c>
      <c r="B7" s="20">
        <v>1507</v>
      </c>
      <c r="C7" s="20">
        <v>1613</v>
      </c>
      <c r="D7" s="20">
        <v>109</v>
      </c>
      <c r="E7" s="20">
        <v>5</v>
      </c>
      <c r="F7" s="20">
        <v>3234</v>
      </c>
    </row>
    <row r="8" spans="1:15">
      <c r="A8" s="74"/>
      <c r="B8" s="21">
        <v>0.46600000000000003</v>
      </c>
      <c r="C8" s="21">
        <v>0.499</v>
      </c>
      <c r="D8" s="21">
        <v>3.4000000000000002E-2</v>
      </c>
      <c r="E8" s="21">
        <v>2E-3</v>
      </c>
      <c r="F8" s="21">
        <v>1</v>
      </c>
      <c r="K8" s="22"/>
      <c r="L8" s="22"/>
      <c r="M8" s="22"/>
      <c r="N8" s="22"/>
      <c r="O8" s="22"/>
    </row>
    <row r="9" spans="1:15">
      <c r="A9" s="73" t="s">
        <v>140</v>
      </c>
      <c r="B9" s="24">
        <v>699</v>
      </c>
      <c r="C9" s="24">
        <v>831</v>
      </c>
      <c r="D9" s="24">
        <v>72</v>
      </c>
      <c r="E9" s="24">
        <v>5</v>
      </c>
      <c r="F9" s="24">
        <v>1607</v>
      </c>
      <c r="K9" s="22"/>
      <c r="L9" s="22"/>
      <c r="M9" s="22"/>
      <c r="N9" s="22"/>
      <c r="O9" s="22"/>
    </row>
    <row r="10" spans="1:15">
      <c r="A10" s="74"/>
      <c r="B10" s="21">
        <v>0.435</v>
      </c>
      <c r="C10" s="21">
        <v>0.51700000000000002</v>
      </c>
      <c r="D10" s="21">
        <v>4.4999999999999998E-2</v>
      </c>
      <c r="E10" s="21">
        <v>3.0000000000000001E-3</v>
      </c>
      <c r="F10" s="21">
        <v>1</v>
      </c>
      <c r="K10" s="22"/>
      <c r="L10" s="22"/>
      <c r="M10" s="22"/>
      <c r="N10" s="22"/>
      <c r="O10" s="22"/>
    </row>
    <row r="11" spans="1:15">
      <c r="A11" s="78" t="s">
        <v>141</v>
      </c>
      <c r="B11" s="24">
        <v>162</v>
      </c>
      <c r="C11" s="24">
        <v>246</v>
      </c>
      <c r="D11" s="24">
        <v>22</v>
      </c>
      <c r="E11" s="24">
        <v>1</v>
      </c>
      <c r="F11" s="24">
        <v>431</v>
      </c>
      <c r="K11" s="22"/>
      <c r="L11" s="22"/>
      <c r="M11" s="22"/>
      <c r="N11" s="22"/>
      <c r="O11" s="22"/>
    </row>
    <row r="12" spans="1:15">
      <c r="A12" s="79"/>
      <c r="B12" s="21">
        <v>0.376</v>
      </c>
      <c r="C12" s="21">
        <v>0.57099999999999995</v>
      </c>
      <c r="D12" s="21">
        <v>5.0999999999999997E-2</v>
      </c>
      <c r="E12" s="21">
        <v>2E-3</v>
      </c>
      <c r="F12" s="21">
        <v>1</v>
      </c>
      <c r="K12" s="22"/>
      <c r="L12" s="22"/>
      <c r="M12" s="22"/>
      <c r="N12" s="22"/>
      <c r="O12" s="22"/>
    </row>
    <row r="13" spans="1:15">
      <c r="A13" s="73" t="s">
        <v>22</v>
      </c>
      <c r="B13" s="24">
        <v>28</v>
      </c>
      <c r="C13" s="24">
        <v>17</v>
      </c>
      <c r="D13" s="24">
        <v>7</v>
      </c>
      <c r="E13" s="24">
        <v>0</v>
      </c>
      <c r="F13" s="24">
        <v>52</v>
      </c>
      <c r="K13" s="22"/>
      <c r="L13" s="22"/>
      <c r="M13" s="22"/>
      <c r="N13" s="22"/>
      <c r="O13" s="22"/>
    </row>
    <row r="14" spans="1:15">
      <c r="A14" s="74"/>
      <c r="B14" s="21">
        <v>0.53800000000000003</v>
      </c>
      <c r="C14" s="21">
        <v>0.32700000000000001</v>
      </c>
      <c r="D14" s="21">
        <v>0.13500000000000001</v>
      </c>
      <c r="E14" s="21">
        <v>0</v>
      </c>
      <c r="F14" s="21">
        <v>1</v>
      </c>
      <c r="K14" s="22"/>
      <c r="L14" s="22"/>
      <c r="M14" s="22"/>
      <c r="N14" s="22"/>
      <c r="O14" s="22"/>
    </row>
    <row r="15" spans="1:15" s="23" customFormat="1">
      <c r="A15" s="73" t="s">
        <v>15</v>
      </c>
      <c r="B15" s="20">
        <v>2714</v>
      </c>
      <c r="C15" s="20">
        <v>3098</v>
      </c>
      <c r="D15" s="20">
        <v>243</v>
      </c>
      <c r="E15" s="20">
        <v>15</v>
      </c>
      <c r="F15" s="20">
        <v>6070</v>
      </c>
    </row>
    <row r="16" spans="1:15">
      <c r="A16" s="74"/>
      <c r="B16" s="21">
        <v>0.44700000000000001</v>
      </c>
      <c r="C16" s="21">
        <v>0.51</v>
      </c>
      <c r="D16" s="21">
        <v>0.04</v>
      </c>
      <c r="E16" s="21">
        <v>2E-3</v>
      </c>
      <c r="F16" s="21">
        <v>1</v>
      </c>
      <c r="K16" s="22"/>
      <c r="L16" s="22"/>
      <c r="M16" s="22"/>
      <c r="N16" s="22"/>
      <c r="O16" s="22"/>
    </row>
    <row r="17" spans="1:15" ht="14.25" customHeight="1">
      <c r="A17" s="71" t="s">
        <v>18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81"/>
      <c r="B18" s="81"/>
      <c r="C18" s="81"/>
      <c r="D18" s="81"/>
      <c r="E18" s="81"/>
      <c r="F18" s="81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6"/>
  <dimension ref="A1:N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8.875" style="18" customWidth="1"/>
    <col min="6" max="16384" width="9" style="18"/>
  </cols>
  <sheetData>
    <row r="1" spans="1:14">
      <c r="A1" s="70" t="s">
        <v>339</v>
      </c>
      <c r="B1" s="70"/>
      <c r="C1" s="70"/>
      <c r="D1" s="70"/>
      <c r="E1" s="70"/>
    </row>
    <row r="2" spans="1:14">
      <c r="A2" s="121" t="s">
        <v>613</v>
      </c>
      <c r="B2" s="36"/>
      <c r="C2" s="36"/>
      <c r="D2" s="36"/>
      <c r="E2" s="36"/>
    </row>
    <row r="3" spans="1:14">
      <c r="A3" s="75" t="s">
        <v>142</v>
      </c>
      <c r="B3" s="76" t="s">
        <v>259</v>
      </c>
      <c r="C3" s="76"/>
      <c r="D3" s="76"/>
      <c r="E3" s="76"/>
    </row>
    <row r="4" spans="1:14">
      <c r="A4" s="75"/>
      <c r="B4" s="11" t="s">
        <v>25</v>
      </c>
      <c r="C4" s="11" t="s">
        <v>145</v>
      </c>
      <c r="D4" s="11" t="s">
        <v>22</v>
      </c>
      <c r="E4" s="11" t="s">
        <v>15</v>
      </c>
    </row>
    <row r="5" spans="1:14">
      <c r="A5" s="73" t="s">
        <v>138</v>
      </c>
      <c r="B5" s="20">
        <v>232</v>
      </c>
      <c r="C5" s="20">
        <v>68</v>
      </c>
      <c r="D5" s="20">
        <v>18</v>
      </c>
      <c r="E5" s="20">
        <v>318</v>
      </c>
    </row>
    <row r="6" spans="1:14">
      <c r="A6" s="77"/>
      <c r="B6" s="21">
        <v>0.73</v>
      </c>
      <c r="C6" s="21">
        <v>0.214</v>
      </c>
      <c r="D6" s="21">
        <v>5.7000000000000002E-2</v>
      </c>
      <c r="E6" s="21">
        <v>1</v>
      </c>
      <c r="J6" s="22"/>
      <c r="K6" s="22"/>
      <c r="L6" s="22"/>
      <c r="M6" s="22"/>
      <c r="N6" s="22"/>
    </row>
    <row r="7" spans="1:14" s="23" customFormat="1">
      <c r="A7" s="73" t="s">
        <v>139</v>
      </c>
      <c r="B7" s="20">
        <v>1107</v>
      </c>
      <c r="C7" s="20">
        <v>314</v>
      </c>
      <c r="D7" s="20">
        <v>86</v>
      </c>
      <c r="E7" s="20">
        <v>1507</v>
      </c>
    </row>
    <row r="8" spans="1:14">
      <c r="A8" s="74"/>
      <c r="B8" s="21">
        <v>0.73499999999999999</v>
      </c>
      <c r="C8" s="21">
        <v>0.20799999999999999</v>
      </c>
      <c r="D8" s="21">
        <v>5.7000000000000002E-2</v>
      </c>
      <c r="E8" s="21">
        <v>1</v>
      </c>
      <c r="J8" s="22"/>
      <c r="K8" s="22"/>
      <c r="L8" s="22"/>
      <c r="M8" s="22"/>
      <c r="N8" s="22"/>
    </row>
    <row r="9" spans="1:14">
      <c r="A9" s="73" t="s">
        <v>140</v>
      </c>
      <c r="B9" s="24">
        <v>520</v>
      </c>
      <c r="C9" s="24">
        <v>133</v>
      </c>
      <c r="D9" s="24">
        <v>46</v>
      </c>
      <c r="E9" s="24">
        <v>699</v>
      </c>
      <c r="J9" s="22"/>
      <c r="K9" s="22"/>
      <c r="L9" s="22"/>
      <c r="M9" s="22"/>
      <c r="N9" s="22"/>
    </row>
    <row r="10" spans="1:14">
      <c r="A10" s="74"/>
      <c r="B10" s="21">
        <v>0.74399999999999999</v>
      </c>
      <c r="C10" s="21">
        <v>0.19</v>
      </c>
      <c r="D10" s="21">
        <v>6.6000000000000003E-2</v>
      </c>
      <c r="E10" s="21">
        <v>1</v>
      </c>
      <c r="J10" s="22"/>
      <c r="K10" s="22"/>
      <c r="L10" s="22"/>
      <c r="M10" s="22"/>
      <c r="N10" s="22"/>
    </row>
    <row r="11" spans="1:14">
      <c r="A11" s="78" t="s">
        <v>141</v>
      </c>
      <c r="B11" s="24">
        <v>118</v>
      </c>
      <c r="C11" s="24">
        <v>33</v>
      </c>
      <c r="D11" s="24">
        <v>11</v>
      </c>
      <c r="E11" s="24">
        <v>162</v>
      </c>
      <c r="J11" s="22"/>
      <c r="K11" s="22"/>
      <c r="L11" s="22"/>
      <c r="M11" s="22"/>
      <c r="N11" s="22"/>
    </row>
    <row r="12" spans="1:14">
      <c r="A12" s="79"/>
      <c r="B12" s="21">
        <v>0.72799999999999998</v>
      </c>
      <c r="C12" s="21">
        <v>0.20399999999999999</v>
      </c>
      <c r="D12" s="21">
        <v>6.8000000000000005E-2</v>
      </c>
      <c r="E12" s="21">
        <v>1</v>
      </c>
      <c r="J12" s="22"/>
      <c r="K12" s="22"/>
      <c r="L12" s="22"/>
      <c r="M12" s="22"/>
      <c r="N12" s="22"/>
    </row>
    <row r="13" spans="1:14">
      <c r="A13" s="73" t="s">
        <v>22</v>
      </c>
      <c r="B13" s="24">
        <v>19</v>
      </c>
      <c r="C13" s="24">
        <v>4</v>
      </c>
      <c r="D13" s="24">
        <v>5</v>
      </c>
      <c r="E13" s="24">
        <v>28</v>
      </c>
      <c r="J13" s="22"/>
      <c r="K13" s="22"/>
      <c r="L13" s="22"/>
      <c r="M13" s="22"/>
      <c r="N13" s="22"/>
    </row>
    <row r="14" spans="1:14">
      <c r="A14" s="74"/>
      <c r="B14" s="21">
        <v>0.67900000000000005</v>
      </c>
      <c r="C14" s="21">
        <v>0.14299999999999999</v>
      </c>
      <c r="D14" s="21">
        <v>0.17899999999999999</v>
      </c>
      <c r="E14" s="21">
        <v>1</v>
      </c>
      <c r="J14" s="22"/>
      <c r="K14" s="22"/>
      <c r="L14" s="22"/>
      <c r="M14" s="22"/>
      <c r="N14" s="22"/>
    </row>
    <row r="15" spans="1:14" s="23" customFormat="1">
      <c r="A15" s="73" t="s">
        <v>15</v>
      </c>
      <c r="B15" s="20">
        <v>1996</v>
      </c>
      <c r="C15" s="20">
        <v>552</v>
      </c>
      <c r="D15" s="20">
        <v>166</v>
      </c>
      <c r="E15" s="20">
        <v>2714</v>
      </c>
    </row>
    <row r="16" spans="1:14">
      <c r="A16" s="74"/>
      <c r="B16" s="21">
        <v>0.73499999999999999</v>
      </c>
      <c r="C16" s="21">
        <v>0.20300000000000001</v>
      </c>
      <c r="D16" s="21">
        <v>6.0999999999999999E-2</v>
      </c>
      <c r="E16" s="21">
        <v>1</v>
      </c>
      <c r="J16" s="22"/>
      <c r="K16" s="22"/>
      <c r="L16" s="22"/>
      <c r="M16" s="22"/>
      <c r="N16" s="22"/>
    </row>
    <row r="17" spans="1:14">
      <c r="A17" s="71" t="s">
        <v>588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25"/>
      <c r="B18" s="25"/>
      <c r="C18" s="25"/>
      <c r="D18" s="25"/>
      <c r="E18" s="25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7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3" width="8.875" style="18" customWidth="1"/>
    <col min="4" max="4" width="9.5" style="18" bestFit="1" customWidth="1"/>
    <col min="5" max="6" width="8.875" style="18" customWidth="1"/>
    <col min="7" max="16384" width="9" style="18"/>
  </cols>
  <sheetData>
    <row r="1" spans="1:15">
      <c r="A1" s="70" t="s">
        <v>340</v>
      </c>
      <c r="B1" s="70"/>
      <c r="C1" s="70"/>
      <c r="D1" s="70"/>
      <c r="E1" s="70"/>
      <c r="F1" s="70"/>
    </row>
    <row r="2" spans="1:15">
      <c r="A2" s="121" t="s">
        <v>613</v>
      </c>
      <c r="B2" s="36"/>
      <c r="C2" s="36"/>
      <c r="D2" s="36"/>
      <c r="E2" s="36"/>
      <c r="F2" s="36"/>
    </row>
    <row r="3" spans="1:15">
      <c r="A3" s="75" t="s">
        <v>142</v>
      </c>
      <c r="B3" s="76" t="s">
        <v>31</v>
      </c>
      <c r="C3" s="76"/>
      <c r="D3" s="76"/>
      <c r="E3" s="76"/>
      <c r="F3" s="76"/>
    </row>
    <row r="4" spans="1:15" ht="28.5">
      <c r="A4" s="75"/>
      <c r="B4" s="11" t="s">
        <v>206</v>
      </c>
      <c r="C4" s="11" t="s">
        <v>27</v>
      </c>
      <c r="D4" s="11" t="s">
        <v>28</v>
      </c>
      <c r="E4" s="11" t="s">
        <v>22</v>
      </c>
      <c r="F4" s="11" t="s">
        <v>15</v>
      </c>
    </row>
    <row r="5" spans="1:15">
      <c r="A5" s="73" t="s">
        <v>138</v>
      </c>
      <c r="B5" s="20">
        <v>230</v>
      </c>
      <c r="C5" s="20">
        <v>403</v>
      </c>
      <c r="D5" s="20">
        <v>109</v>
      </c>
      <c r="E5" s="20">
        <v>4</v>
      </c>
      <c r="F5" s="20">
        <v>746</v>
      </c>
    </row>
    <row r="6" spans="1:15">
      <c r="A6" s="77"/>
      <c r="B6" s="21">
        <v>0.308</v>
      </c>
      <c r="C6" s="21">
        <v>0.54</v>
      </c>
      <c r="D6" s="21">
        <v>0.14599999999999999</v>
      </c>
      <c r="E6" s="21">
        <v>5.0000000000000001E-3</v>
      </c>
      <c r="F6" s="21">
        <v>1</v>
      </c>
      <c r="K6" s="22"/>
      <c r="L6" s="22"/>
      <c r="M6" s="22"/>
      <c r="N6" s="22"/>
      <c r="O6" s="22"/>
    </row>
    <row r="7" spans="1:15" s="23" customFormat="1">
      <c r="A7" s="73" t="s">
        <v>139</v>
      </c>
      <c r="B7" s="20">
        <v>950</v>
      </c>
      <c r="C7" s="20">
        <v>1916</v>
      </c>
      <c r="D7" s="20">
        <v>361</v>
      </c>
      <c r="E7" s="20">
        <v>7</v>
      </c>
      <c r="F7" s="20">
        <v>3234</v>
      </c>
    </row>
    <row r="8" spans="1:15">
      <c r="A8" s="74"/>
      <c r="B8" s="21">
        <v>0.29399999999999998</v>
      </c>
      <c r="C8" s="21">
        <v>0.59199999999999997</v>
      </c>
      <c r="D8" s="21">
        <v>0.112</v>
      </c>
      <c r="E8" s="21">
        <v>2E-3</v>
      </c>
      <c r="F8" s="21">
        <v>1</v>
      </c>
      <c r="K8" s="22"/>
      <c r="L8" s="22"/>
      <c r="M8" s="22"/>
      <c r="N8" s="22"/>
      <c r="O8" s="22"/>
    </row>
    <row r="9" spans="1:15" s="23" customFormat="1">
      <c r="A9" s="73" t="s">
        <v>140</v>
      </c>
      <c r="B9" s="20">
        <v>448</v>
      </c>
      <c r="C9" s="20">
        <v>973</v>
      </c>
      <c r="D9" s="20">
        <v>184</v>
      </c>
      <c r="E9" s="20">
        <v>2</v>
      </c>
      <c r="F9" s="20">
        <v>1607</v>
      </c>
    </row>
    <row r="10" spans="1:15">
      <c r="A10" s="74"/>
      <c r="B10" s="21">
        <v>0.27900000000000003</v>
      </c>
      <c r="C10" s="21">
        <v>0.60499999999999998</v>
      </c>
      <c r="D10" s="21">
        <v>0.114</v>
      </c>
      <c r="E10" s="21">
        <v>1E-3</v>
      </c>
      <c r="F10" s="21">
        <v>1</v>
      </c>
      <c r="K10" s="22"/>
      <c r="L10" s="22"/>
      <c r="M10" s="22"/>
      <c r="N10" s="22"/>
      <c r="O10" s="22"/>
    </row>
    <row r="11" spans="1:15">
      <c r="A11" s="78" t="s">
        <v>141</v>
      </c>
      <c r="B11" s="24">
        <v>123</v>
      </c>
      <c r="C11" s="24">
        <v>263</v>
      </c>
      <c r="D11" s="24">
        <v>45</v>
      </c>
      <c r="E11" s="24">
        <v>0</v>
      </c>
      <c r="F11" s="24">
        <v>431</v>
      </c>
      <c r="K11" s="22"/>
      <c r="L11" s="22"/>
      <c r="M11" s="22"/>
      <c r="N11" s="22"/>
      <c r="O11" s="22"/>
    </row>
    <row r="12" spans="1:15">
      <c r="A12" s="79"/>
      <c r="B12" s="21">
        <v>0.28499999999999998</v>
      </c>
      <c r="C12" s="21">
        <v>0.61</v>
      </c>
      <c r="D12" s="21">
        <v>0.104</v>
      </c>
      <c r="E12" s="21">
        <v>0</v>
      </c>
      <c r="F12" s="21">
        <v>1</v>
      </c>
      <c r="K12" s="22"/>
      <c r="L12" s="22"/>
      <c r="M12" s="22"/>
      <c r="N12" s="22"/>
      <c r="O12" s="22"/>
    </row>
    <row r="13" spans="1:15">
      <c r="A13" s="73" t="s">
        <v>22</v>
      </c>
      <c r="B13" s="24">
        <v>16</v>
      </c>
      <c r="C13" s="24">
        <v>31</v>
      </c>
      <c r="D13" s="24">
        <v>5</v>
      </c>
      <c r="E13" s="24">
        <v>0</v>
      </c>
      <c r="F13" s="24">
        <v>52</v>
      </c>
      <c r="K13" s="22"/>
      <c r="L13" s="22"/>
      <c r="M13" s="22"/>
      <c r="N13" s="22"/>
      <c r="O13" s="22"/>
    </row>
    <row r="14" spans="1:15">
      <c r="A14" s="74"/>
      <c r="B14" s="21">
        <v>0.308</v>
      </c>
      <c r="C14" s="21">
        <v>0.59599999999999997</v>
      </c>
      <c r="D14" s="21">
        <v>9.6000000000000002E-2</v>
      </c>
      <c r="E14" s="21">
        <v>0</v>
      </c>
      <c r="F14" s="21">
        <v>1</v>
      </c>
      <c r="K14" s="22"/>
      <c r="L14" s="22"/>
      <c r="M14" s="22"/>
      <c r="N14" s="22"/>
      <c r="O14" s="22"/>
    </row>
    <row r="15" spans="1:15" s="23" customFormat="1">
      <c r="A15" s="73" t="s">
        <v>15</v>
      </c>
      <c r="B15" s="20">
        <v>1767</v>
      </c>
      <c r="C15" s="20">
        <v>3586</v>
      </c>
      <c r="D15" s="20">
        <v>704</v>
      </c>
      <c r="E15" s="20">
        <v>13</v>
      </c>
      <c r="F15" s="20">
        <v>6070</v>
      </c>
    </row>
    <row r="16" spans="1:15">
      <c r="A16" s="74"/>
      <c r="B16" s="21">
        <v>0.29099999999999998</v>
      </c>
      <c r="C16" s="21">
        <v>0.59099999999999997</v>
      </c>
      <c r="D16" s="21">
        <v>0.11600000000000001</v>
      </c>
      <c r="E16" s="21">
        <v>2E-3</v>
      </c>
      <c r="F16" s="21">
        <v>1</v>
      </c>
      <c r="K16" s="22"/>
      <c r="L16" s="22"/>
      <c r="M16" s="22"/>
      <c r="N16" s="22"/>
      <c r="O16" s="22"/>
    </row>
    <row r="17" spans="1:15" ht="14.25" customHeight="1">
      <c r="A17" s="71" t="s">
        <v>32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81"/>
      <c r="B18" s="81"/>
      <c r="C18" s="81"/>
      <c r="D18" s="81"/>
      <c r="E18" s="81"/>
      <c r="F18" s="81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8"/>
  <dimension ref="A1:N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8.875" style="18" customWidth="1"/>
    <col min="3" max="3" width="9.5" style="18" bestFit="1" customWidth="1"/>
    <col min="4" max="5" width="8.875" style="18" customWidth="1"/>
    <col min="6" max="16384" width="9" style="18"/>
  </cols>
  <sheetData>
    <row r="1" spans="1:14">
      <c r="A1" s="70" t="s">
        <v>341</v>
      </c>
      <c r="B1" s="70"/>
      <c r="C1" s="70"/>
      <c r="D1" s="70"/>
      <c r="E1" s="70"/>
    </row>
    <row r="2" spans="1:14">
      <c r="A2" s="121" t="s">
        <v>613</v>
      </c>
      <c r="B2" s="36"/>
      <c r="C2" s="36"/>
      <c r="D2" s="36"/>
      <c r="E2" s="36"/>
    </row>
    <row r="3" spans="1:14">
      <c r="A3" s="75" t="s">
        <v>142</v>
      </c>
      <c r="B3" s="76" t="s">
        <v>258</v>
      </c>
      <c r="C3" s="76"/>
      <c r="D3" s="76"/>
      <c r="E3" s="76"/>
    </row>
    <row r="4" spans="1:14">
      <c r="A4" s="75"/>
      <c r="B4" s="11" t="s">
        <v>25</v>
      </c>
      <c r="C4" s="11" t="s">
        <v>145</v>
      </c>
      <c r="D4" s="11" t="s">
        <v>22</v>
      </c>
      <c r="E4" s="11" t="s">
        <v>15</v>
      </c>
    </row>
    <row r="5" spans="1:14">
      <c r="A5" s="73" t="s">
        <v>138</v>
      </c>
      <c r="B5" s="20">
        <v>179</v>
      </c>
      <c r="C5" s="20">
        <v>31</v>
      </c>
      <c r="D5" s="20">
        <v>20</v>
      </c>
      <c r="E5" s="20">
        <v>230</v>
      </c>
    </row>
    <row r="6" spans="1:14">
      <c r="A6" s="77"/>
      <c r="B6" s="21">
        <v>0.77800000000000002</v>
      </c>
      <c r="C6" s="21">
        <v>0.13500000000000001</v>
      </c>
      <c r="D6" s="21">
        <v>8.6999999999999994E-2</v>
      </c>
      <c r="E6" s="21">
        <v>1</v>
      </c>
      <c r="J6" s="22"/>
      <c r="K6" s="22"/>
      <c r="L6" s="22"/>
      <c r="M6" s="22"/>
      <c r="N6" s="22"/>
    </row>
    <row r="7" spans="1:14">
      <c r="A7" s="73" t="s">
        <v>139</v>
      </c>
      <c r="B7" s="24">
        <v>662</v>
      </c>
      <c r="C7" s="24">
        <v>197</v>
      </c>
      <c r="D7" s="24">
        <v>91</v>
      </c>
      <c r="E7" s="20">
        <v>950</v>
      </c>
      <c r="J7" s="22"/>
      <c r="K7" s="22"/>
      <c r="L7" s="22"/>
      <c r="M7" s="22"/>
      <c r="N7" s="22"/>
    </row>
    <row r="8" spans="1:14">
      <c r="A8" s="74"/>
      <c r="B8" s="21">
        <v>0.69699999999999995</v>
      </c>
      <c r="C8" s="21">
        <v>0.20699999999999999</v>
      </c>
      <c r="D8" s="21">
        <v>9.6000000000000002E-2</v>
      </c>
      <c r="E8" s="21">
        <v>1</v>
      </c>
      <c r="J8" s="22"/>
      <c r="K8" s="22"/>
      <c r="L8" s="22"/>
      <c r="M8" s="22"/>
      <c r="N8" s="22"/>
    </row>
    <row r="9" spans="1:14">
      <c r="A9" s="73" t="s">
        <v>140</v>
      </c>
      <c r="B9" s="24">
        <v>299</v>
      </c>
      <c r="C9" s="24">
        <v>88</v>
      </c>
      <c r="D9" s="24">
        <v>61</v>
      </c>
      <c r="E9" s="24">
        <v>448</v>
      </c>
      <c r="J9" s="22"/>
      <c r="K9" s="22"/>
      <c r="L9" s="22"/>
      <c r="M9" s="22"/>
      <c r="N9" s="22"/>
    </row>
    <row r="10" spans="1:14">
      <c r="A10" s="74"/>
      <c r="B10" s="21">
        <v>0.66700000000000004</v>
      </c>
      <c r="C10" s="21">
        <v>0.19600000000000001</v>
      </c>
      <c r="D10" s="21">
        <v>0.13600000000000001</v>
      </c>
      <c r="E10" s="21">
        <v>1</v>
      </c>
      <c r="J10" s="22"/>
      <c r="K10" s="22"/>
      <c r="L10" s="22"/>
      <c r="M10" s="22"/>
      <c r="N10" s="22"/>
    </row>
    <row r="11" spans="1:14">
      <c r="A11" s="78" t="s">
        <v>141</v>
      </c>
      <c r="B11" s="24">
        <v>80</v>
      </c>
      <c r="C11" s="24">
        <v>33</v>
      </c>
      <c r="D11" s="24">
        <v>10</v>
      </c>
      <c r="E11" s="24">
        <v>123</v>
      </c>
      <c r="J11" s="22"/>
      <c r="K11" s="22"/>
      <c r="L11" s="22"/>
      <c r="M11" s="22"/>
      <c r="N11" s="22"/>
    </row>
    <row r="12" spans="1:14">
      <c r="A12" s="79"/>
      <c r="B12" s="21">
        <v>0.65</v>
      </c>
      <c r="C12" s="21">
        <v>0.26800000000000002</v>
      </c>
      <c r="D12" s="21">
        <v>8.1000000000000003E-2</v>
      </c>
      <c r="E12" s="21">
        <v>1</v>
      </c>
      <c r="J12" s="22"/>
      <c r="K12" s="22"/>
      <c r="L12" s="22"/>
      <c r="M12" s="22"/>
      <c r="N12" s="22"/>
    </row>
    <row r="13" spans="1:14">
      <c r="A13" s="73" t="s">
        <v>22</v>
      </c>
      <c r="B13" s="24">
        <v>9</v>
      </c>
      <c r="C13" s="24">
        <v>5</v>
      </c>
      <c r="D13" s="24">
        <v>2</v>
      </c>
      <c r="E13" s="24">
        <v>16</v>
      </c>
      <c r="J13" s="22"/>
      <c r="K13" s="22"/>
      <c r="L13" s="22"/>
      <c r="M13" s="22"/>
      <c r="N13" s="22"/>
    </row>
    <row r="14" spans="1:14">
      <c r="A14" s="74"/>
      <c r="B14" s="21">
        <v>0.56299999999999994</v>
      </c>
      <c r="C14" s="21">
        <v>0.313</v>
      </c>
      <c r="D14" s="21">
        <v>0.125</v>
      </c>
      <c r="E14" s="21">
        <v>1</v>
      </c>
      <c r="J14" s="22"/>
      <c r="K14" s="22"/>
      <c r="L14" s="22"/>
      <c r="M14" s="22"/>
      <c r="N14" s="22"/>
    </row>
    <row r="15" spans="1:14" s="23" customFormat="1">
      <c r="A15" s="73" t="s">
        <v>15</v>
      </c>
      <c r="B15" s="20">
        <v>1229</v>
      </c>
      <c r="C15" s="20">
        <v>354</v>
      </c>
      <c r="D15" s="20">
        <v>184</v>
      </c>
      <c r="E15" s="20">
        <v>1767</v>
      </c>
    </row>
    <row r="16" spans="1:14">
      <c r="A16" s="74"/>
      <c r="B16" s="21">
        <v>0.69599999999999995</v>
      </c>
      <c r="C16" s="21">
        <v>0.2</v>
      </c>
      <c r="D16" s="21">
        <v>0.104</v>
      </c>
      <c r="E16" s="21">
        <v>1</v>
      </c>
      <c r="J16" s="22"/>
      <c r="K16" s="22"/>
      <c r="L16" s="22"/>
      <c r="M16" s="22"/>
      <c r="N16" s="22"/>
    </row>
    <row r="17" spans="1:14">
      <c r="A17" s="71" t="s">
        <v>589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25"/>
      <c r="B18" s="25"/>
      <c r="C18" s="25"/>
      <c r="D18" s="25"/>
      <c r="E18" s="25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Q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9" style="18" customWidth="1"/>
    <col min="6" max="16384" width="9" style="18"/>
  </cols>
  <sheetData>
    <row r="1" spans="1:17">
      <c r="A1" s="70" t="s">
        <v>245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75" t="s">
        <v>6</v>
      </c>
      <c r="B3" s="76" t="s">
        <v>250</v>
      </c>
      <c r="C3" s="76"/>
      <c r="D3" s="76"/>
      <c r="E3" s="76"/>
      <c r="F3" s="76"/>
    </row>
    <row r="4" spans="1:17">
      <c r="A4" s="75"/>
      <c r="B4" s="11" t="s">
        <v>152</v>
      </c>
      <c r="C4" s="11" t="s">
        <v>153</v>
      </c>
      <c r="D4" s="11" t="s">
        <v>145</v>
      </c>
      <c r="E4" s="11" t="s">
        <v>22</v>
      </c>
      <c r="F4" s="12" t="s">
        <v>15</v>
      </c>
    </row>
    <row r="5" spans="1:17">
      <c r="A5" s="73" t="s">
        <v>7</v>
      </c>
      <c r="B5" s="20">
        <v>254</v>
      </c>
      <c r="C5" s="20">
        <v>1650</v>
      </c>
      <c r="D5" s="20">
        <v>330</v>
      </c>
      <c r="E5" s="20">
        <v>222</v>
      </c>
      <c r="F5" s="20">
        <v>2456</v>
      </c>
    </row>
    <row r="6" spans="1:17">
      <c r="A6" s="77"/>
      <c r="B6" s="21">
        <v>0.10299999999999999</v>
      </c>
      <c r="C6" s="21">
        <v>0.67200000000000004</v>
      </c>
      <c r="D6" s="21">
        <v>0.13400000000000001</v>
      </c>
      <c r="E6" s="21">
        <v>0.09</v>
      </c>
      <c r="F6" s="21">
        <v>1</v>
      </c>
      <c r="L6" s="22"/>
      <c r="M6" s="22"/>
      <c r="N6" s="22"/>
      <c r="O6" s="22"/>
      <c r="P6" s="22"/>
      <c r="Q6" s="22"/>
    </row>
    <row r="7" spans="1:17">
      <c r="A7" s="73" t="s">
        <v>8</v>
      </c>
      <c r="B7" s="24">
        <v>62</v>
      </c>
      <c r="C7" s="24">
        <v>344</v>
      </c>
      <c r="D7" s="24">
        <v>66</v>
      </c>
      <c r="E7" s="24">
        <v>46</v>
      </c>
      <c r="F7" s="20">
        <v>518</v>
      </c>
      <c r="K7" s="22"/>
      <c r="L7" s="22"/>
      <c r="M7" s="22"/>
      <c r="N7" s="22"/>
      <c r="O7" s="22"/>
    </row>
    <row r="8" spans="1:17">
      <c r="A8" s="74"/>
      <c r="B8" s="21">
        <v>0.12</v>
      </c>
      <c r="C8" s="21">
        <v>0.66400000000000003</v>
      </c>
      <c r="D8" s="21">
        <v>0.127</v>
      </c>
      <c r="E8" s="21">
        <v>8.8999999999999996E-2</v>
      </c>
      <c r="F8" s="21">
        <v>1</v>
      </c>
      <c r="L8" s="22"/>
      <c r="M8" s="22"/>
      <c r="N8" s="22"/>
      <c r="O8" s="22"/>
      <c r="P8" s="22"/>
      <c r="Q8" s="22"/>
    </row>
    <row r="9" spans="1:17">
      <c r="A9" s="73" t="s">
        <v>9</v>
      </c>
      <c r="B9" s="24">
        <v>75</v>
      </c>
      <c r="C9" s="24">
        <v>612</v>
      </c>
      <c r="D9" s="24">
        <v>119</v>
      </c>
      <c r="E9" s="24">
        <v>75</v>
      </c>
      <c r="F9" s="24">
        <v>881</v>
      </c>
      <c r="K9" s="22"/>
      <c r="L9" s="22"/>
      <c r="M9" s="22"/>
      <c r="N9" s="22"/>
      <c r="O9" s="22"/>
    </row>
    <row r="10" spans="1:17">
      <c r="A10" s="74"/>
      <c r="B10" s="21">
        <v>8.5000000000000006E-2</v>
      </c>
      <c r="C10" s="21">
        <v>0.69499999999999995</v>
      </c>
      <c r="D10" s="21">
        <v>0.13500000000000001</v>
      </c>
      <c r="E10" s="21">
        <v>8.5000000000000006E-2</v>
      </c>
      <c r="F10" s="21">
        <v>1</v>
      </c>
      <c r="L10" s="22"/>
      <c r="M10" s="22"/>
      <c r="N10" s="22"/>
      <c r="O10" s="22"/>
      <c r="P10" s="22"/>
      <c r="Q10" s="22"/>
    </row>
    <row r="11" spans="1:17">
      <c r="A11" s="78" t="s">
        <v>10</v>
      </c>
      <c r="B11" s="24">
        <v>26</v>
      </c>
      <c r="C11" s="24">
        <v>186</v>
      </c>
      <c r="D11" s="24">
        <v>32</v>
      </c>
      <c r="E11" s="24">
        <v>21</v>
      </c>
      <c r="F11" s="24">
        <v>265</v>
      </c>
      <c r="K11" s="22"/>
      <c r="L11" s="22"/>
      <c r="M11" s="22"/>
      <c r="N11" s="22"/>
      <c r="O11" s="22"/>
    </row>
    <row r="12" spans="1:17">
      <c r="A12" s="79"/>
      <c r="B12" s="21">
        <v>9.8000000000000004E-2</v>
      </c>
      <c r="C12" s="21">
        <v>0.70199999999999996</v>
      </c>
      <c r="D12" s="21">
        <v>0.121</v>
      </c>
      <c r="E12" s="21">
        <v>7.9000000000000001E-2</v>
      </c>
      <c r="F12" s="21">
        <v>1</v>
      </c>
      <c r="L12" s="22"/>
      <c r="M12" s="22"/>
      <c r="N12" s="22"/>
      <c r="O12" s="22"/>
      <c r="P12" s="22"/>
      <c r="Q12" s="22"/>
    </row>
    <row r="13" spans="1:17">
      <c r="A13" s="73" t="s">
        <v>11</v>
      </c>
      <c r="B13" s="24">
        <v>28</v>
      </c>
      <c r="C13" s="24">
        <v>152</v>
      </c>
      <c r="D13" s="24">
        <v>30</v>
      </c>
      <c r="E13" s="24">
        <v>23</v>
      </c>
      <c r="F13" s="24">
        <v>233</v>
      </c>
      <c r="K13" s="22"/>
      <c r="L13" s="22"/>
      <c r="M13" s="22"/>
      <c r="N13" s="22"/>
      <c r="O13" s="22"/>
    </row>
    <row r="14" spans="1:17">
      <c r="A14" s="74"/>
      <c r="B14" s="21">
        <v>0.12</v>
      </c>
      <c r="C14" s="21">
        <v>0.65200000000000002</v>
      </c>
      <c r="D14" s="21">
        <v>0.129</v>
      </c>
      <c r="E14" s="21">
        <v>9.9000000000000005E-2</v>
      </c>
      <c r="F14" s="21">
        <v>1</v>
      </c>
      <c r="L14" s="22"/>
      <c r="M14" s="22"/>
      <c r="N14" s="22"/>
      <c r="O14" s="22"/>
      <c r="P14" s="22"/>
      <c r="Q14" s="22"/>
    </row>
    <row r="15" spans="1:17">
      <c r="A15" s="73" t="s">
        <v>12</v>
      </c>
      <c r="B15" s="24">
        <v>23</v>
      </c>
      <c r="C15" s="24">
        <v>139</v>
      </c>
      <c r="D15" s="24">
        <v>32</v>
      </c>
      <c r="E15" s="24">
        <v>27</v>
      </c>
      <c r="F15" s="24">
        <v>221</v>
      </c>
      <c r="K15" s="22"/>
      <c r="L15" s="22"/>
      <c r="M15" s="22"/>
      <c r="N15" s="22"/>
      <c r="O15" s="22"/>
    </row>
    <row r="16" spans="1:17">
      <c r="A16" s="74"/>
      <c r="B16" s="21">
        <v>0.104</v>
      </c>
      <c r="C16" s="21">
        <v>0.629</v>
      </c>
      <c r="D16" s="21">
        <v>0.14499999999999999</v>
      </c>
      <c r="E16" s="21">
        <v>0.122</v>
      </c>
      <c r="F16" s="21">
        <v>1</v>
      </c>
      <c r="L16" s="22"/>
      <c r="M16" s="22"/>
      <c r="N16" s="22"/>
      <c r="O16" s="22"/>
      <c r="P16" s="22"/>
      <c r="Q16" s="22"/>
    </row>
    <row r="17" spans="1:17">
      <c r="A17" s="73" t="s">
        <v>13</v>
      </c>
      <c r="B17" s="24">
        <v>107</v>
      </c>
      <c r="C17" s="24">
        <v>692</v>
      </c>
      <c r="D17" s="24">
        <v>183</v>
      </c>
      <c r="E17" s="24">
        <v>123</v>
      </c>
      <c r="F17" s="24">
        <v>1105</v>
      </c>
      <c r="K17" s="22"/>
      <c r="L17" s="22"/>
      <c r="M17" s="22"/>
      <c r="N17" s="22"/>
      <c r="O17" s="22"/>
    </row>
    <row r="18" spans="1:17">
      <c r="A18" s="74"/>
      <c r="B18" s="21">
        <v>9.7000000000000003E-2</v>
      </c>
      <c r="C18" s="21">
        <v>0.626</v>
      </c>
      <c r="D18" s="21">
        <v>0.16600000000000001</v>
      </c>
      <c r="E18" s="21">
        <v>0.111</v>
      </c>
      <c r="F18" s="21">
        <v>1</v>
      </c>
      <c r="L18" s="22"/>
      <c r="M18" s="22"/>
      <c r="N18" s="22"/>
      <c r="O18" s="22"/>
      <c r="P18" s="22"/>
      <c r="Q18" s="22"/>
    </row>
    <row r="19" spans="1:17">
      <c r="A19" s="73" t="s">
        <v>14</v>
      </c>
      <c r="B19" s="24">
        <v>12</v>
      </c>
      <c r="C19" s="24">
        <v>110</v>
      </c>
      <c r="D19" s="24">
        <v>25</v>
      </c>
      <c r="E19" s="24">
        <v>25</v>
      </c>
      <c r="F19" s="24">
        <v>172</v>
      </c>
      <c r="K19" s="22"/>
      <c r="L19" s="22"/>
      <c r="M19" s="22"/>
      <c r="N19" s="22"/>
      <c r="O19" s="22"/>
    </row>
    <row r="20" spans="1:17">
      <c r="A20" s="74"/>
      <c r="B20" s="21">
        <v>7.0000000000000007E-2</v>
      </c>
      <c r="C20" s="21">
        <v>0.64</v>
      </c>
      <c r="D20" s="21">
        <v>0.14499999999999999</v>
      </c>
      <c r="E20" s="21">
        <v>0.14499999999999999</v>
      </c>
      <c r="F20" s="21">
        <v>1</v>
      </c>
      <c r="L20" s="22"/>
      <c r="M20" s="22"/>
      <c r="N20" s="22"/>
      <c r="O20" s="22"/>
      <c r="P20" s="22"/>
      <c r="Q20" s="22"/>
    </row>
    <row r="21" spans="1:17">
      <c r="A21" s="72" t="s">
        <v>22</v>
      </c>
      <c r="B21" s="34">
        <v>8</v>
      </c>
      <c r="C21" s="34">
        <v>24</v>
      </c>
      <c r="D21" s="34">
        <v>5</v>
      </c>
      <c r="E21" s="34">
        <v>8</v>
      </c>
      <c r="F21" s="34">
        <v>45</v>
      </c>
      <c r="K21" s="22"/>
      <c r="L21" s="22"/>
      <c r="M21" s="22"/>
      <c r="N21" s="22"/>
      <c r="O21" s="22"/>
    </row>
    <row r="22" spans="1:17" s="26" customFormat="1">
      <c r="A22" s="72"/>
      <c r="B22" s="33">
        <v>0.17799999999999999</v>
      </c>
      <c r="C22" s="33">
        <v>0.53300000000000003</v>
      </c>
      <c r="D22" s="33">
        <v>0.111</v>
      </c>
      <c r="E22" s="33">
        <v>0.17799999999999999</v>
      </c>
      <c r="F22" s="33">
        <v>1</v>
      </c>
    </row>
    <row r="23" spans="1:17" s="23" customFormat="1">
      <c r="A23" s="73" t="s">
        <v>15</v>
      </c>
      <c r="B23" s="20">
        <v>595</v>
      </c>
      <c r="C23" s="20">
        <v>3909</v>
      </c>
      <c r="D23" s="20">
        <v>822</v>
      </c>
      <c r="E23" s="20">
        <v>570</v>
      </c>
      <c r="F23" s="20">
        <v>5896</v>
      </c>
    </row>
    <row r="24" spans="1:17">
      <c r="A24" s="74"/>
      <c r="B24" s="21">
        <v>0.10100000000000001</v>
      </c>
      <c r="C24" s="21">
        <v>0.66300000000000003</v>
      </c>
      <c r="D24" s="21">
        <v>0.13900000000000001</v>
      </c>
      <c r="E24" s="21">
        <v>9.7000000000000003E-2</v>
      </c>
      <c r="F24" s="21">
        <v>1</v>
      </c>
      <c r="L24" s="22"/>
      <c r="M24" s="22"/>
      <c r="N24" s="22"/>
      <c r="O24" s="22"/>
      <c r="P24" s="22"/>
      <c r="Q24" s="22"/>
    </row>
    <row r="25" spans="1:17">
      <c r="A25" s="71" t="s">
        <v>251</v>
      </c>
      <c r="B25" s="71"/>
      <c r="C25" s="71"/>
      <c r="D25" s="71"/>
      <c r="E25" s="71"/>
      <c r="F25" s="71"/>
      <c r="K25" s="22"/>
      <c r="L25" s="22"/>
      <c r="M25" s="22"/>
      <c r="N25" s="22"/>
      <c r="O25" s="22"/>
    </row>
    <row r="26" spans="1:17">
      <c r="A26" s="25"/>
      <c r="B26" s="25"/>
      <c r="C26" s="25"/>
      <c r="D26" s="25"/>
      <c r="E26" s="25"/>
      <c r="F26" s="25"/>
    </row>
  </sheetData>
  <mergeCells count="14">
    <mergeCell ref="A23:A24"/>
    <mergeCell ref="A25:F25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9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8.875" style="18" customWidth="1"/>
    <col min="8" max="16384" width="9" style="18"/>
  </cols>
  <sheetData>
    <row r="1" spans="1:17">
      <c r="A1" s="70" t="s">
        <v>342</v>
      </c>
      <c r="B1" s="70"/>
      <c r="C1" s="70"/>
      <c r="D1" s="70"/>
      <c r="E1" s="70"/>
      <c r="F1" s="70"/>
      <c r="G1" s="70"/>
    </row>
    <row r="2" spans="1:17">
      <c r="A2" s="121" t="s">
        <v>613</v>
      </c>
      <c r="B2" s="36"/>
      <c r="C2" s="36"/>
      <c r="D2" s="36"/>
      <c r="E2" s="36"/>
      <c r="F2" s="36"/>
      <c r="G2" s="36"/>
    </row>
    <row r="3" spans="1:17">
      <c r="A3" s="75" t="s">
        <v>142</v>
      </c>
      <c r="B3" s="76" t="s">
        <v>39</v>
      </c>
      <c r="C3" s="76"/>
      <c r="D3" s="76"/>
      <c r="E3" s="76"/>
      <c r="F3" s="76"/>
      <c r="G3" s="76"/>
    </row>
    <row r="4" spans="1:17" ht="42.75">
      <c r="A4" s="75"/>
      <c r="B4" s="11" t="s">
        <v>33</v>
      </c>
      <c r="C4" s="11" t="s">
        <v>34</v>
      </c>
      <c r="D4" s="11" t="s">
        <v>137</v>
      </c>
      <c r="E4" s="11" t="s">
        <v>35</v>
      </c>
      <c r="F4" s="11" t="s">
        <v>22</v>
      </c>
      <c r="G4" s="11" t="s">
        <v>15</v>
      </c>
    </row>
    <row r="5" spans="1:17">
      <c r="A5" s="73" t="s">
        <v>138</v>
      </c>
      <c r="B5" s="20">
        <v>726</v>
      </c>
      <c r="C5" s="20">
        <v>15</v>
      </c>
      <c r="D5" s="20">
        <v>4</v>
      </c>
      <c r="E5" s="20">
        <v>0</v>
      </c>
      <c r="F5" s="20">
        <v>1</v>
      </c>
      <c r="G5" s="20">
        <v>746</v>
      </c>
    </row>
    <row r="6" spans="1:17">
      <c r="A6" s="77"/>
      <c r="B6" s="21">
        <v>0.97299999999999998</v>
      </c>
      <c r="C6" s="21">
        <v>0.02</v>
      </c>
      <c r="D6" s="21">
        <v>5.0000000000000001E-3</v>
      </c>
      <c r="E6" s="21">
        <v>0</v>
      </c>
      <c r="F6" s="21">
        <v>1E-3</v>
      </c>
      <c r="G6" s="21">
        <v>1</v>
      </c>
      <c r="L6" s="22"/>
      <c r="M6" s="22"/>
      <c r="N6" s="22"/>
      <c r="O6" s="22"/>
      <c r="P6" s="22"/>
      <c r="Q6" s="22"/>
    </row>
    <row r="7" spans="1:17" s="23" customFormat="1">
      <c r="A7" s="73" t="s">
        <v>139</v>
      </c>
      <c r="B7" s="20">
        <v>3160</v>
      </c>
      <c r="C7" s="20">
        <v>60</v>
      </c>
      <c r="D7" s="20">
        <v>9</v>
      </c>
      <c r="E7" s="20">
        <v>2</v>
      </c>
      <c r="F7" s="20">
        <v>3</v>
      </c>
      <c r="G7" s="20">
        <v>3234</v>
      </c>
    </row>
    <row r="8" spans="1:17">
      <c r="A8" s="74"/>
      <c r="B8" s="21">
        <v>0.97699999999999998</v>
      </c>
      <c r="C8" s="21">
        <v>1.9E-2</v>
      </c>
      <c r="D8" s="21">
        <v>3.0000000000000001E-3</v>
      </c>
      <c r="E8" s="21">
        <v>1E-3</v>
      </c>
      <c r="F8" s="21">
        <v>1E-3</v>
      </c>
      <c r="G8" s="21">
        <v>1</v>
      </c>
      <c r="L8" s="22"/>
      <c r="M8" s="22"/>
      <c r="N8" s="22"/>
      <c r="O8" s="22"/>
      <c r="P8" s="22"/>
      <c r="Q8" s="22"/>
    </row>
    <row r="9" spans="1:17" s="23" customFormat="1">
      <c r="A9" s="73" t="s">
        <v>140</v>
      </c>
      <c r="B9" s="20">
        <v>1552</v>
      </c>
      <c r="C9" s="20">
        <v>41</v>
      </c>
      <c r="D9" s="20">
        <v>9</v>
      </c>
      <c r="E9" s="20">
        <v>2</v>
      </c>
      <c r="F9" s="20">
        <v>3</v>
      </c>
      <c r="G9" s="20">
        <v>1607</v>
      </c>
    </row>
    <row r="10" spans="1:17">
      <c r="A10" s="74"/>
      <c r="B10" s="21">
        <v>0.96599999999999997</v>
      </c>
      <c r="C10" s="21">
        <v>2.5999999999999999E-2</v>
      </c>
      <c r="D10" s="21">
        <v>6.0000000000000001E-3</v>
      </c>
      <c r="E10" s="21">
        <v>1E-3</v>
      </c>
      <c r="F10" s="21">
        <v>2E-3</v>
      </c>
      <c r="G10" s="21">
        <v>1</v>
      </c>
      <c r="L10" s="22"/>
      <c r="M10" s="22"/>
      <c r="N10" s="22"/>
      <c r="O10" s="22"/>
      <c r="P10" s="22"/>
      <c r="Q10" s="22"/>
    </row>
    <row r="11" spans="1:17">
      <c r="A11" s="78" t="s">
        <v>141</v>
      </c>
      <c r="B11" s="24">
        <v>407</v>
      </c>
      <c r="C11" s="24">
        <v>22</v>
      </c>
      <c r="D11" s="24">
        <v>2</v>
      </c>
      <c r="E11" s="24">
        <v>0</v>
      </c>
      <c r="F11" s="24">
        <v>0</v>
      </c>
      <c r="G11" s="24">
        <v>431</v>
      </c>
      <c r="L11" s="22"/>
      <c r="M11" s="22"/>
      <c r="N11" s="22"/>
      <c r="O11" s="22"/>
      <c r="P11" s="22"/>
    </row>
    <row r="12" spans="1:17">
      <c r="A12" s="79"/>
      <c r="B12" s="21">
        <v>0.94399999999999995</v>
      </c>
      <c r="C12" s="21">
        <v>5.0999999999999997E-2</v>
      </c>
      <c r="D12" s="21">
        <v>5.0000000000000001E-3</v>
      </c>
      <c r="E12" s="21">
        <v>0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51</v>
      </c>
      <c r="C13" s="24">
        <v>0</v>
      </c>
      <c r="D13" s="24">
        <v>1</v>
      </c>
      <c r="E13" s="24">
        <v>0</v>
      </c>
      <c r="F13" s="24">
        <v>0</v>
      </c>
      <c r="G13" s="24">
        <v>52</v>
      </c>
      <c r="L13" s="22"/>
      <c r="M13" s="22"/>
      <c r="N13" s="22"/>
      <c r="O13" s="22"/>
      <c r="P13" s="22"/>
    </row>
    <row r="14" spans="1:17">
      <c r="A14" s="74"/>
      <c r="B14" s="21">
        <v>0.98099999999999998</v>
      </c>
      <c r="C14" s="21">
        <v>0</v>
      </c>
      <c r="D14" s="21">
        <v>1.9E-2</v>
      </c>
      <c r="E14" s="21">
        <v>0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5896</v>
      </c>
      <c r="C15" s="20">
        <v>138</v>
      </c>
      <c r="D15" s="20">
        <v>25</v>
      </c>
      <c r="E15" s="20">
        <v>4</v>
      </c>
      <c r="F15" s="20">
        <v>7</v>
      </c>
      <c r="G15" s="20">
        <v>6070</v>
      </c>
    </row>
    <row r="16" spans="1:17">
      <c r="A16" s="74"/>
      <c r="B16" s="21">
        <v>0.97099999999999997</v>
      </c>
      <c r="C16" s="21">
        <v>2.3E-2</v>
      </c>
      <c r="D16" s="21">
        <v>4.0000000000000001E-3</v>
      </c>
      <c r="E16" s="21">
        <v>1E-3</v>
      </c>
      <c r="F16" s="21">
        <v>1E-3</v>
      </c>
      <c r="G16" s="21">
        <v>1</v>
      </c>
      <c r="L16" s="22"/>
      <c r="M16" s="22"/>
      <c r="N16" s="22"/>
      <c r="O16" s="22"/>
      <c r="P16" s="22"/>
      <c r="Q16" s="22"/>
    </row>
    <row r="17" spans="1:16">
      <c r="A17" s="71" t="s">
        <v>40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6">
      <c r="A18" s="25"/>
      <c r="B18" s="25"/>
      <c r="C18" s="25"/>
      <c r="D18" s="25"/>
      <c r="E18" s="25"/>
      <c r="F18" s="25"/>
      <c r="G18" s="25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0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3" width="8.875" style="18" customWidth="1"/>
    <col min="4" max="4" width="9.5" style="18" bestFit="1" customWidth="1"/>
    <col min="5" max="6" width="8.875" style="18" customWidth="1"/>
    <col min="7" max="16384" width="9" style="18"/>
  </cols>
  <sheetData>
    <row r="1" spans="1:16">
      <c r="A1" s="70" t="s">
        <v>343</v>
      </c>
      <c r="B1" s="70"/>
      <c r="C1" s="70"/>
      <c r="D1" s="70"/>
      <c r="E1" s="70"/>
      <c r="F1" s="70"/>
    </row>
    <row r="2" spans="1:16">
      <c r="A2" s="121" t="s">
        <v>613</v>
      </c>
      <c r="B2" s="36"/>
      <c r="C2" s="36"/>
      <c r="D2" s="36"/>
      <c r="E2" s="36"/>
      <c r="F2" s="36"/>
    </row>
    <row r="3" spans="1:16">
      <c r="A3" s="75" t="s">
        <v>142</v>
      </c>
      <c r="B3" s="76" t="s">
        <v>257</v>
      </c>
      <c r="C3" s="76"/>
      <c r="D3" s="76"/>
      <c r="E3" s="76"/>
      <c r="F3" s="76"/>
    </row>
    <row r="4" spans="1:16">
      <c r="A4" s="75"/>
      <c r="B4" s="11" t="s">
        <v>152</v>
      </c>
      <c r="C4" s="11" t="s">
        <v>153</v>
      </c>
      <c r="D4" s="11" t="s">
        <v>145</v>
      </c>
      <c r="E4" s="11" t="s">
        <v>22</v>
      </c>
      <c r="F4" s="11" t="s">
        <v>15</v>
      </c>
    </row>
    <row r="5" spans="1:16">
      <c r="A5" s="73" t="s">
        <v>138</v>
      </c>
      <c r="B5" s="20">
        <v>83</v>
      </c>
      <c r="C5" s="20">
        <v>483</v>
      </c>
      <c r="D5" s="20">
        <v>99</v>
      </c>
      <c r="E5" s="20">
        <v>61</v>
      </c>
      <c r="F5" s="20">
        <v>726</v>
      </c>
    </row>
    <row r="6" spans="1:16">
      <c r="A6" s="77"/>
      <c r="B6" s="21">
        <v>0.114</v>
      </c>
      <c r="C6" s="21">
        <v>0.66500000000000004</v>
      </c>
      <c r="D6" s="21">
        <v>0.13600000000000001</v>
      </c>
      <c r="E6" s="21">
        <v>8.4000000000000005E-2</v>
      </c>
      <c r="F6" s="21">
        <v>1</v>
      </c>
      <c r="K6" s="22"/>
      <c r="L6" s="22"/>
      <c r="M6" s="22"/>
      <c r="N6" s="22"/>
      <c r="O6" s="22"/>
      <c r="P6" s="22"/>
    </row>
    <row r="7" spans="1:16" s="23" customFormat="1">
      <c r="A7" s="73" t="s">
        <v>139</v>
      </c>
      <c r="B7" s="20">
        <v>303</v>
      </c>
      <c r="C7" s="20">
        <v>2113</v>
      </c>
      <c r="D7" s="20">
        <v>446</v>
      </c>
      <c r="E7" s="20">
        <v>298</v>
      </c>
      <c r="F7" s="20">
        <v>3160</v>
      </c>
    </row>
    <row r="8" spans="1:16">
      <c r="A8" s="74"/>
      <c r="B8" s="21">
        <v>9.6000000000000002E-2</v>
      </c>
      <c r="C8" s="21">
        <v>0.66900000000000004</v>
      </c>
      <c r="D8" s="21">
        <v>0.14099999999999999</v>
      </c>
      <c r="E8" s="21">
        <v>9.4E-2</v>
      </c>
      <c r="F8" s="21">
        <v>1</v>
      </c>
      <c r="K8" s="22"/>
      <c r="L8" s="22"/>
      <c r="M8" s="22"/>
      <c r="N8" s="22"/>
      <c r="O8" s="22"/>
      <c r="P8" s="22"/>
    </row>
    <row r="9" spans="1:16" s="23" customFormat="1">
      <c r="A9" s="73" t="s">
        <v>140</v>
      </c>
      <c r="B9" s="20">
        <v>159</v>
      </c>
      <c r="C9" s="20">
        <v>1036</v>
      </c>
      <c r="D9" s="20">
        <v>204</v>
      </c>
      <c r="E9" s="20">
        <v>153</v>
      </c>
      <c r="F9" s="20">
        <v>1552</v>
      </c>
    </row>
    <row r="10" spans="1:16">
      <c r="A10" s="74"/>
      <c r="B10" s="21">
        <v>0.10199999999999999</v>
      </c>
      <c r="C10" s="21">
        <v>0.66800000000000004</v>
      </c>
      <c r="D10" s="21">
        <v>0.13100000000000001</v>
      </c>
      <c r="E10" s="21">
        <v>9.9000000000000005E-2</v>
      </c>
      <c r="F10" s="21">
        <v>1</v>
      </c>
      <c r="K10" s="22"/>
      <c r="L10" s="22"/>
      <c r="M10" s="22"/>
      <c r="N10" s="22"/>
      <c r="O10" s="22"/>
      <c r="P10" s="22"/>
    </row>
    <row r="11" spans="1:16">
      <c r="A11" s="78" t="s">
        <v>141</v>
      </c>
      <c r="B11" s="24">
        <v>44</v>
      </c>
      <c r="C11" s="24">
        <v>249</v>
      </c>
      <c r="D11" s="24">
        <v>62</v>
      </c>
      <c r="E11" s="24">
        <v>52</v>
      </c>
      <c r="F11" s="24">
        <v>407</v>
      </c>
      <c r="K11" s="22"/>
      <c r="L11" s="22"/>
      <c r="M11" s="22"/>
      <c r="N11" s="22"/>
      <c r="O11" s="22"/>
    </row>
    <row r="12" spans="1:16">
      <c r="A12" s="79"/>
      <c r="B12" s="21">
        <v>0.108</v>
      </c>
      <c r="C12" s="21">
        <v>0.61199999999999999</v>
      </c>
      <c r="D12" s="21">
        <v>0.152</v>
      </c>
      <c r="E12" s="21">
        <v>0.128</v>
      </c>
      <c r="F12" s="21">
        <v>1</v>
      </c>
      <c r="K12" s="22"/>
      <c r="L12" s="22"/>
      <c r="M12" s="22"/>
      <c r="N12" s="22"/>
      <c r="O12" s="22"/>
      <c r="P12" s="22"/>
    </row>
    <row r="13" spans="1:16">
      <c r="A13" s="73" t="s">
        <v>22</v>
      </c>
      <c r="B13" s="24">
        <v>6</v>
      </c>
      <c r="C13" s="24">
        <v>28</v>
      </c>
      <c r="D13" s="24">
        <v>11</v>
      </c>
      <c r="E13" s="24">
        <v>6</v>
      </c>
      <c r="F13" s="24">
        <v>51</v>
      </c>
      <c r="K13" s="22"/>
      <c r="L13" s="22"/>
      <c r="M13" s="22"/>
      <c r="N13" s="22"/>
      <c r="O13" s="22"/>
    </row>
    <row r="14" spans="1:16">
      <c r="A14" s="74"/>
      <c r="B14" s="21">
        <v>0.11799999999999999</v>
      </c>
      <c r="C14" s="21">
        <v>0.54900000000000004</v>
      </c>
      <c r="D14" s="21">
        <v>0.216</v>
      </c>
      <c r="E14" s="21">
        <v>0.11799999999999999</v>
      </c>
      <c r="F14" s="21">
        <v>1</v>
      </c>
      <c r="K14" s="22"/>
      <c r="L14" s="22"/>
      <c r="M14" s="22"/>
      <c r="N14" s="22"/>
      <c r="O14" s="22"/>
      <c r="P14" s="22"/>
    </row>
    <row r="15" spans="1:16" s="23" customFormat="1">
      <c r="A15" s="73" t="s">
        <v>15</v>
      </c>
      <c r="B15" s="20">
        <v>595</v>
      </c>
      <c r="C15" s="20">
        <v>3909</v>
      </c>
      <c r="D15" s="20">
        <v>822</v>
      </c>
      <c r="E15" s="20">
        <v>570</v>
      </c>
      <c r="F15" s="20">
        <v>5896</v>
      </c>
    </row>
    <row r="16" spans="1:16">
      <c r="A16" s="74"/>
      <c r="B16" s="21">
        <v>0.10100000000000001</v>
      </c>
      <c r="C16" s="21">
        <v>0.66300000000000003</v>
      </c>
      <c r="D16" s="21">
        <v>0.13900000000000001</v>
      </c>
      <c r="E16" s="21">
        <v>9.7000000000000003E-2</v>
      </c>
      <c r="F16" s="21">
        <v>1</v>
      </c>
      <c r="K16" s="22"/>
      <c r="L16" s="22"/>
      <c r="M16" s="22"/>
      <c r="N16" s="22"/>
      <c r="O16" s="22"/>
      <c r="P16" s="22"/>
    </row>
    <row r="17" spans="1:15">
      <c r="A17" s="71" t="s">
        <v>591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25"/>
      <c r="B18" s="25"/>
      <c r="C18" s="25"/>
      <c r="D18" s="25"/>
      <c r="E18" s="25"/>
      <c r="F18" s="25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1"/>
  <dimension ref="A1:O18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5" width="9" style="18" customWidth="1"/>
    <col min="6" max="16384" width="9" style="18"/>
  </cols>
  <sheetData>
    <row r="1" spans="1:15">
      <c r="A1" s="70" t="s">
        <v>344</v>
      </c>
      <c r="B1" s="70"/>
      <c r="C1" s="70"/>
      <c r="D1" s="70"/>
      <c r="E1" s="70"/>
    </row>
    <row r="2" spans="1:15">
      <c r="A2" s="121" t="s">
        <v>613</v>
      </c>
      <c r="B2" s="36"/>
      <c r="C2" s="36"/>
      <c r="D2" s="36"/>
      <c r="E2" s="36"/>
    </row>
    <row r="3" spans="1:15">
      <c r="A3" s="75" t="s">
        <v>142</v>
      </c>
      <c r="B3" s="76" t="s">
        <v>42</v>
      </c>
      <c r="C3" s="76"/>
      <c r="D3" s="76"/>
      <c r="E3" s="76"/>
    </row>
    <row r="4" spans="1:15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5">
      <c r="A5" s="73" t="s">
        <v>138</v>
      </c>
      <c r="B5" s="20">
        <v>434</v>
      </c>
      <c r="C5" s="20">
        <v>308</v>
      </c>
      <c r="D5" s="20">
        <v>4</v>
      </c>
      <c r="E5" s="20">
        <v>746</v>
      </c>
    </row>
    <row r="6" spans="1:15">
      <c r="A6" s="77"/>
      <c r="B6" s="21">
        <v>0.58199999999999996</v>
      </c>
      <c r="C6" s="21">
        <v>0.41299999999999998</v>
      </c>
      <c r="D6" s="21">
        <v>5.0000000000000001E-3</v>
      </c>
      <c r="E6" s="21">
        <v>1</v>
      </c>
      <c r="J6" s="22"/>
      <c r="K6" s="22"/>
      <c r="L6" s="22"/>
      <c r="M6" s="22"/>
      <c r="N6" s="22"/>
      <c r="O6" s="22"/>
    </row>
    <row r="7" spans="1:15" s="23" customFormat="1">
      <c r="A7" s="73" t="s">
        <v>139</v>
      </c>
      <c r="B7" s="20">
        <v>1880</v>
      </c>
      <c r="C7" s="20">
        <v>1335</v>
      </c>
      <c r="D7" s="20">
        <v>19</v>
      </c>
      <c r="E7" s="20">
        <v>3234</v>
      </c>
    </row>
    <row r="8" spans="1:15">
      <c r="A8" s="74"/>
      <c r="B8" s="21">
        <v>0.58099999999999996</v>
      </c>
      <c r="C8" s="21">
        <v>0.41299999999999998</v>
      </c>
      <c r="D8" s="21">
        <v>6.0000000000000001E-3</v>
      </c>
      <c r="E8" s="21">
        <v>1</v>
      </c>
      <c r="J8" s="22"/>
      <c r="K8" s="22"/>
      <c r="L8" s="22"/>
      <c r="M8" s="22"/>
      <c r="N8" s="22"/>
      <c r="O8" s="22"/>
    </row>
    <row r="9" spans="1:15" s="23" customFormat="1">
      <c r="A9" s="73" t="s">
        <v>140</v>
      </c>
      <c r="B9" s="20">
        <v>911</v>
      </c>
      <c r="C9" s="20">
        <v>689</v>
      </c>
      <c r="D9" s="20">
        <v>7</v>
      </c>
      <c r="E9" s="20">
        <v>1607</v>
      </c>
    </row>
    <row r="10" spans="1:15">
      <c r="A10" s="74"/>
      <c r="B10" s="21">
        <v>0.56699999999999995</v>
      </c>
      <c r="C10" s="21">
        <v>0.42899999999999999</v>
      </c>
      <c r="D10" s="21">
        <v>4.0000000000000001E-3</v>
      </c>
      <c r="E10" s="21">
        <v>1</v>
      </c>
      <c r="J10" s="22"/>
      <c r="K10" s="22"/>
      <c r="L10" s="22"/>
      <c r="M10" s="22"/>
      <c r="N10" s="22"/>
      <c r="O10" s="22"/>
    </row>
    <row r="11" spans="1:15">
      <c r="A11" s="78" t="s">
        <v>141</v>
      </c>
      <c r="B11" s="24">
        <v>227</v>
      </c>
      <c r="C11" s="24">
        <v>202</v>
      </c>
      <c r="D11" s="24">
        <v>2</v>
      </c>
      <c r="E11" s="24">
        <v>431</v>
      </c>
      <c r="J11" s="22"/>
      <c r="K11" s="22"/>
      <c r="L11" s="22"/>
      <c r="M11" s="22"/>
      <c r="N11" s="22"/>
    </row>
    <row r="12" spans="1:15">
      <c r="A12" s="79"/>
      <c r="B12" s="21">
        <v>0.52700000000000002</v>
      </c>
      <c r="C12" s="21">
        <v>0.46899999999999997</v>
      </c>
      <c r="D12" s="21">
        <v>5.0000000000000001E-3</v>
      </c>
      <c r="E12" s="21">
        <v>1</v>
      </c>
      <c r="J12" s="22"/>
      <c r="K12" s="22"/>
      <c r="L12" s="22"/>
      <c r="M12" s="22"/>
      <c r="N12" s="22"/>
      <c r="O12" s="22"/>
    </row>
    <row r="13" spans="1:15">
      <c r="A13" s="73" t="s">
        <v>22</v>
      </c>
      <c r="B13" s="24">
        <v>23</v>
      </c>
      <c r="C13" s="24">
        <v>28</v>
      </c>
      <c r="D13" s="24">
        <v>1</v>
      </c>
      <c r="E13" s="24">
        <v>52</v>
      </c>
      <c r="J13" s="22"/>
      <c r="K13" s="22"/>
      <c r="L13" s="22"/>
      <c r="M13" s="22"/>
      <c r="N13" s="22"/>
    </row>
    <row r="14" spans="1:15">
      <c r="A14" s="74"/>
      <c r="B14" s="21">
        <v>0.442</v>
      </c>
      <c r="C14" s="21">
        <v>0.53800000000000003</v>
      </c>
      <c r="D14" s="21">
        <v>1.9E-2</v>
      </c>
      <c r="E14" s="21">
        <v>1</v>
      </c>
      <c r="J14" s="22"/>
      <c r="K14" s="22"/>
      <c r="L14" s="22"/>
      <c r="M14" s="22"/>
      <c r="N14" s="22"/>
      <c r="O14" s="22"/>
    </row>
    <row r="15" spans="1:15" s="23" customFormat="1">
      <c r="A15" s="73" t="s">
        <v>15</v>
      </c>
      <c r="B15" s="20">
        <v>3475</v>
      </c>
      <c r="C15" s="20">
        <v>2562</v>
      </c>
      <c r="D15" s="20">
        <v>33</v>
      </c>
      <c r="E15" s="20">
        <v>6070</v>
      </c>
    </row>
    <row r="16" spans="1:15">
      <c r="A16" s="74"/>
      <c r="B16" s="21">
        <v>0.57199999999999995</v>
      </c>
      <c r="C16" s="21">
        <v>0.42199999999999999</v>
      </c>
      <c r="D16" s="21">
        <v>5.0000000000000001E-3</v>
      </c>
      <c r="E16" s="21">
        <v>1</v>
      </c>
      <c r="J16" s="22"/>
      <c r="K16" s="22"/>
      <c r="L16" s="22"/>
      <c r="M16" s="22"/>
      <c r="N16" s="22"/>
      <c r="O16" s="22"/>
    </row>
    <row r="17" spans="1:14" ht="14.25" customHeight="1">
      <c r="A17" s="71" t="s">
        <v>45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81"/>
      <c r="B18" s="81"/>
      <c r="C18" s="81"/>
      <c r="D18" s="81"/>
      <c r="E18" s="81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2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18.375" style="18" bestFit="1" customWidth="1"/>
    <col min="3" max="3" width="25" style="18" bestFit="1" customWidth="1"/>
    <col min="4" max="4" width="10.25" style="18" customWidth="1"/>
    <col min="5" max="5" width="9.875" style="18" customWidth="1"/>
    <col min="6" max="16384" width="9" style="18"/>
  </cols>
  <sheetData>
    <row r="1" spans="1:15">
      <c r="A1" s="70" t="s">
        <v>345</v>
      </c>
      <c r="B1" s="70"/>
      <c r="C1" s="70"/>
      <c r="D1" s="70"/>
      <c r="E1" s="70"/>
    </row>
    <row r="2" spans="1:15">
      <c r="A2" s="121" t="s">
        <v>613</v>
      </c>
      <c r="B2" s="36"/>
      <c r="C2" s="36"/>
      <c r="D2" s="36"/>
      <c r="E2" s="36"/>
    </row>
    <row r="3" spans="1:15">
      <c r="A3" s="75" t="s">
        <v>142</v>
      </c>
      <c r="B3" s="76" t="s">
        <v>48</v>
      </c>
      <c r="C3" s="76"/>
      <c r="D3" s="76"/>
      <c r="E3" s="76"/>
    </row>
    <row r="4" spans="1:15" ht="28.5">
      <c r="A4" s="75"/>
      <c r="B4" s="11" t="s">
        <v>187</v>
      </c>
      <c r="C4" s="11" t="s">
        <v>188</v>
      </c>
      <c r="D4" s="11" t="s">
        <v>22</v>
      </c>
      <c r="E4" s="11" t="s">
        <v>15</v>
      </c>
    </row>
    <row r="5" spans="1:15">
      <c r="A5" s="73" t="s">
        <v>138</v>
      </c>
      <c r="B5" s="20">
        <v>481</v>
      </c>
      <c r="C5" s="20">
        <v>264</v>
      </c>
      <c r="D5" s="20">
        <v>1</v>
      </c>
      <c r="E5" s="20">
        <v>746</v>
      </c>
    </row>
    <row r="6" spans="1:15">
      <c r="A6" s="77"/>
      <c r="B6" s="21">
        <v>0.64500000000000002</v>
      </c>
      <c r="C6" s="21">
        <v>0.35399999999999998</v>
      </c>
      <c r="D6" s="21">
        <v>1E-3</v>
      </c>
      <c r="E6" s="21">
        <v>1</v>
      </c>
      <c r="J6" s="22"/>
      <c r="K6" s="22"/>
      <c r="L6" s="22"/>
      <c r="M6" s="22"/>
      <c r="N6" s="22"/>
      <c r="O6" s="22"/>
    </row>
    <row r="7" spans="1:15" s="23" customFormat="1">
      <c r="A7" s="73" t="s">
        <v>139</v>
      </c>
      <c r="B7" s="20">
        <v>2138</v>
      </c>
      <c r="C7" s="20">
        <v>1093</v>
      </c>
      <c r="D7" s="20">
        <v>3</v>
      </c>
      <c r="E7" s="20">
        <v>3234</v>
      </c>
    </row>
    <row r="8" spans="1:15">
      <c r="A8" s="74"/>
      <c r="B8" s="21">
        <v>0.66100000000000003</v>
      </c>
      <c r="C8" s="21">
        <v>0.33800000000000002</v>
      </c>
      <c r="D8" s="21">
        <v>1E-3</v>
      </c>
      <c r="E8" s="21">
        <v>1</v>
      </c>
      <c r="J8" s="22"/>
      <c r="K8" s="22"/>
      <c r="L8" s="22"/>
      <c r="M8" s="22"/>
      <c r="N8" s="22"/>
      <c r="O8" s="22"/>
    </row>
    <row r="9" spans="1:15" s="23" customFormat="1">
      <c r="A9" s="73" t="s">
        <v>140</v>
      </c>
      <c r="B9" s="20">
        <v>1088</v>
      </c>
      <c r="C9" s="20">
        <v>518</v>
      </c>
      <c r="D9" s="20">
        <v>1</v>
      </c>
      <c r="E9" s="20">
        <v>1607</v>
      </c>
    </row>
    <row r="10" spans="1:15">
      <c r="A10" s="74"/>
      <c r="B10" s="21">
        <v>0.67700000000000005</v>
      </c>
      <c r="C10" s="21">
        <v>0.32200000000000001</v>
      </c>
      <c r="D10" s="21">
        <v>1E-3</v>
      </c>
      <c r="E10" s="21">
        <v>1</v>
      </c>
      <c r="J10" s="22"/>
      <c r="K10" s="22"/>
      <c r="L10" s="22"/>
      <c r="M10" s="22"/>
      <c r="N10" s="22"/>
      <c r="O10" s="22"/>
    </row>
    <row r="11" spans="1:15">
      <c r="A11" s="78" t="s">
        <v>141</v>
      </c>
      <c r="B11" s="24">
        <v>295</v>
      </c>
      <c r="C11" s="24">
        <v>136</v>
      </c>
      <c r="D11" s="24">
        <v>0</v>
      </c>
      <c r="E11" s="24">
        <v>431</v>
      </c>
      <c r="J11" s="22"/>
      <c r="K11" s="22"/>
      <c r="L11" s="22"/>
      <c r="M11" s="22"/>
      <c r="N11" s="22"/>
    </row>
    <row r="12" spans="1:15">
      <c r="A12" s="79"/>
      <c r="B12" s="21">
        <v>0.68400000000000005</v>
      </c>
      <c r="C12" s="21">
        <v>0.316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</row>
    <row r="13" spans="1:15">
      <c r="A13" s="73" t="s">
        <v>22</v>
      </c>
      <c r="B13" s="24">
        <v>36</v>
      </c>
      <c r="C13" s="24">
        <v>16</v>
      </c>
      <c r="D13" s="24">
        <v>0</v>
      </c>
      <c r="E13" s="24">
        <v>52</v>
      </c>
      <c r="J13" s="22"/>
      <c r="K13" s="22"/>
      <c r="L13" s="22"/>
      <c r="M13" s="22"/>
      <c r="N13" s="22"/>
    </row>
    <row r="14" spans="1:15">
      <c r="A14" s="74"/>
      <c r="B14" s="21">
        <v>0.69199999999999995</v>
      </c>
      <c r="C14" s="21">
        <v>0.308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</row>
    <row r="15" spans="1:15" s="23" customFormat="1">
      <c r="A15" s="73" t="s">
        <v>15</v>
      </c>
      <c r="B15" s="20">
        <v>4038</v>
      </c>
      <c r="C15" s="20">
        <v>2027</v>
      </c>
      <c r="D15" s="20">
        <v>5</v>
      </c>
      <c r="E15" s="20">
        <v>6070</v>
      </c>
    </row>
    <row r="16" spans="1:15">
      <c r="A16" s="74"/>
      <c r="B16" s="21">
        <v>0.66500000000000004</v>
      </c>
      <c r="C16" s="21">
        <v>0.33400000000000002</v>
      </c>
      <c r="D16" s="21">
        <v>1E-3</v>
      </c>
      <c r="E16" s="21">
        <v>1</v>
      </c>
      <c r="J16" s="22"/>
      <c r="K16" s="22"/>
      <c r="L16" s="22"/>
      <c r="M16" s="22"/>
      <c r="N16" s="22"/>
      <c r="O16" s="22"/>
    </row>
    <row r="17" spans="1:14">
      <c r="A17" s="71" t="s">
        <v>50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25"/>
      <c r="B18" s="25"/>
      <c r="C18" s="25"/>
      <c r="D18" s="25"/>
      <c r="E18" s="25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3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8.875" style="18" customWidth="1"/>
    <col min="7" max="16384" width="9" style="18"/>
  </cols>
  <sheetData>
    <row r="1" spans="1:16">
      <c r="A1" s="70" t="s">
        <v>346</v>
      </c>
      <c r="B1" s="70"/>
      <c r="C1" s="70"/>
      <c r="D1" s="70"/>
      <c r="E1" s="70"/>
      <c r="F1" s="70"/>
    </row>
    <row r="2" spans="1:16">
      <c r="A2" s="121" t="s">
        <v>613</v>
      </c>
      <c r="B2" s="36"/>
      <c r="C2" s="36"/>
      <c r="D2" s="36"/>
      <c r="E2" s="36"/>
      <c r="F2" s="36"/>
    </row>
    <row r="3" spans="1:16">
      <c r="A3" s="75" t="s">
        <v>142</v>
      </c>
      <c r="B3" s="76" t="s">
        <v>56</v>
      </c>
      <c r="C3" s="76"/>
      <c r="D3" s="76"/>
      <c r="E3" s="76"/>
      <c r="F3" s="76"/>
    </row>
    <row r="4" spans="1:16" ht="28.5">
      <c r="A4" s="75"/>
      <c r="B4" s="11" t="s">
        <v>52</v>
      </c>
      <c r="C4" s="11" t="s">
        <v>53</v>
      </c>
      <c r="D4" s="11" t="s">
        <v>54</v>
      </c>
      <c r="E4" s="11" t="s">
        <v>22</v>
      </c>
      <c r="F4" s="11" t="s">
        <v>15</v>
      </c>
    </row>
    <row r="5" spans="1:16">
      <c r="A5" s="73" t="s">
        <v>138</v>
      </c>
      <c r="B5" s="20">
        <v>69</v>
      </c>
      <c r="C5" s="20">
        <v>330</v>
      </c>
      <c r="D5" s="20">
        <v>347</v>
      </c>
      <c r="E5" s="20">
        <v>0</v>
      </c>
      <c r="F5" s="20">
        <v>746</v>
      </c>
    </row>
    <row r="6" spans="1:16">
      <c r="A6" s="77"/>
      <c r="B6" s="21">
        <v>9.1999999999999998E-2</v>
      </c>
      <c r="C6" s="21">
        <v>0.442</v>
      </c>
      <c r="D6" s="21">
        <v>0.46500000000000002</v>
      </c>
      <c r="E6" s="21">
        <v>0</v>
      </c>
      <c r="F6" s="21">
        <v>1</v>
      </c>
      <c r="K6" s="22"/>
      <c r="L6" s="22"/>
      <c r="M6" s="22"/>
      <c r="N6" s="22"/>
      <c r="O6" s="22"/>
      <c r="P6" s="22"/>
    </row>
    <row r="7" spans="1:16" s="23" customFormat="1">
      <c r="A7" s="73" t="s">
        <v>139</v>
      </c>
      <c r="B7" s="20">
        <v>327</v>
      </c>
      <c r="C7" s="20">
        <v>1494</v>
      </c>
      <c r="D7" s="20">
        <v>1412</v>
      </c>
      <c r="E7" s="20">
        <v>1</v>
      </c>
      <c r="F7" s="20">
        <v>3234</v>
      </c>
    </row>
    <row r="8" spans="1:16">
      <c r="A8" s="74"/>
      <c r="B8" s="21">
        <v>0.10100000000000001</v>
      </c>
      <c r="C8" s="21">
        <v>0.46200000000000002</v>
      </c>
      <c r="D8" s="21">
        <v>0.437</v>
      </c>
      <c r="E8" s="21">
        <v>0</v>
      </c>
      <c r="F8" s="21">
        <v>1</v>
      </c>
      <c r="K8" s="22"/>
      <c r="L8" s="22"/>
      <c r="M8" s="22"/>
      <c r="N8" s="22"/>
      <c r="O8" s="22"/>
      <c r="P8" s="22"/>
    </row>
    <row r="9" spans="1:16" s="23" customFormat="1">
      <c r="A9" s="73" t="s">
        <v>140</v>
      </c>
      <c r="B9" s="20">
        <v>122</v>
      </c>
      <c r="C9" s="20">
        <v>717</v>
      </c>
      <c r="D9" s="20">
        <v>767</v>
      </c>
      <c r="E9" s="20">
        <v>1</v>
      </c>
      <c r="F9" s="20">
        <v>1607</v>
      </c>
    </row>
    <row r="10" spans="1:16">
      <c r="A10" s="74"/>
      <c r="B10" s="21">
        <v>7.5999999999999998E-2</v>
      </c>
      <c r="C10" s="21">
        <v>0.44600000000000001</v>
      </c>
      <c r="D10" s="21">
        <v>0.47699999999999998</v>
      </c>
      <c r="E10" s="21">
        <v>1E-3</v>
      </c>
      <c r="F10" s="21">
        <v>1</v>
      </c>
      <c r="K10" s="22"/>
      <c r="L10" s="22"/>
      <c r="M10" s="22"/>
      <c r="N10" s="22"/>
      <c r="O10" s="22"/>
      <c r="P10" s="22"/>
    </row>
    <row r="11" spans="1:16">
      <c r="A11" s="78" t="s">
        <v>141</v>
      </c>
      <c r="B11" s="24">
        <v>28</v>
      </c>
      <c r="C11" s="24">
        <v>176</v>
      </c>
      <c r="D11" s="24">
        <v>226</v>
      </c>
      <c r="E11" s="24">
        <v>1</v>
      </c>
      <c r="F11" s="24">
        <v>431</v>
      </c>
      <c r="K11" s="22"/>
      <c r="L11" s="22"/>
      <c r="M11" s="22"/>
      <c r="N11" s="22"/>
      <c r="O11" s="22"/>
    </row>
    <row r="12" spans="1:16">
      <c r="A12" s="79"/>
      <c r="B12" s="21">
        <v>6.5000000000000002E-2</v>
      </c>
      <c r="C12" s="21">
        <v>0.40799999999999997</v>
      </c>
      <c r="D12" s="21">
        <v>0.52400000000000002</v>
      </c>
      <c r="E12" s="21">
        <v>2E-3</v>
      </c>
      <c r="F12" s="21">
        <v>1</v>
      </c>
      <c r="K12" s="22"/>
      <c r="L12" s="22"/>
      <c r="M12" s="22"/>
      <c r="N12" s="22"/>
      <c r="O12" s="22"/>
      <c r="P12" s="22"/>
    </row>
    <row r="13" spans="1:16">
      <c r="A13" s="73" t="s">
        <v>22</v>
      </c>
      <c r="B13" s="24">
        <v>7</v>
      </c>
      <c r="C13" s="24">
        <v>23</v>
      </c>
      <c r="D13" s="24">
        <v>22</v>
      </c>
      <c r="E13" s="24">
        <v>0</v>
      </c>
      <c r="F13" s="24">
        <v>52</v>
      </c>
      <c r="K13" s="22"/>
      <c r="L13" s="22"/>
      <c r="M13" s="22"/>
      <c r="N13" s="22"/>
      <c r="O13" s="22"/>
    </row>
    <row r="14" spans="1:16">
      <c r="A14" s="74"/>
      <c r="B14" s="21">
        <v>0.13500000000000001</v>
      </c>
      <c r="C14" s="21">
        <v>0.442</v>
      </c>
      <c r="D14" s="21">
        <v>0.42299999999999999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</row>
    <row r="15" spans="1:16" s="23" customFormat="1">
      <c r="A15" s="73" t="s">
        <v>15</v>
      </c>
      <c r="B15" s="20">
        <v>553</v>
      </c>
      <c r="C15" s="20">
        <v>2740</v>
      </c>
      <c r="D15" s="20">
        <v>2774</v>
      </c>
      <c r="E15" s="20">
        <v>3</v>
      </c>
      <c r="F15" s="20">
        <v>6070</v>
      </c>
    </row>
    <row r="16" spans="1:16">
      <c r="A16" s="74"/>
      <c r="B16" s="21">
        <v>9.0999999999999998E-2</v>
      </c>
      <c r="C16" s="21">
        <v>0.45100000000000001</v>
      </c>
      <c r="D16" s="21">
        <v>0.45700000000000002</v>
      </c>
      <c r="E16" s="21">
        <v>0</v>
      </c>
      <c r="F16" s="21">
        <v>1</v>
      </c>
      <c r="K16" s="22"/>
      <c r="L16" s="22"/>
      <c r="M16" s="22"/>
      <c r="N16" s="22"/>
      <c r="O16" s="22"/>
      <c r="P16" s="22"/>
    </row>
    <row r="17" spans="1:15" ht="14.25" customHeight="1">
      <c r="A17" s="71" t="s">
        <v>58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81"/>
      <c r="B18" s="81"/>
      <c r="C18" s="81"/>
      <c r="D18" s="81"/>
      <c r="E18" s="81"/>
      <c r="F18" s="81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4"/>
  <dimension ref="A1:S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8" width="8.875" style="18" customWidth="1"/>
    <col min="9" max="16384" width="9" style="18"/>
  </cols>
  <sheetData>
    <row r="1" spans="1:19">
      <c r="A1" s="70" t="s">
        <v>585</v>
      </c>
      <c r="B1" s="70"/>
      <c r="C1" s="70"/>
      <c r="D1" s="70"/>
      <c r="E1" s="70"/>
      <c r="F1" s="70"/>
      <c r="G1" s="70"/>
      <c r="H1" s="70"/>
    </row>
    <row r="2" spans="1:19">
      <c r="A2" s="121" t="s">
        <v>613</v>
      </c>
      <c r="B2" s="36"/>
      <c r="C2" s="36"/>
      <c r="D2" s="36"/>
      <c r="E2" s="36"/>
      <c r="F2" s="36"/>
      <c r="G2" s="36"/>
      <c r="H2" s="36"/>
    </row>
    <row r="3" spans="1:19">
      <c r="A3" s="75" t="s">
        <v>142</v>
      </c>
      <c r="B3" s="76" t="s">
        <v>60</v>
      </c>
      <c r="C3" s="76"/>
      <c r="D3" s="76"/>
      <c r="E3" s="76"/>
      <c r="F3" s="76"/>
      <c r="G3" s="76"/>
      <c r="H3" s="76"/>
    </row>
    <row r="4" spans="1:19" ht="42.75">
      <c r="A4" s="75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1" t="s">
        <v>15</v>
      </c>
    </row>
    <row r="5" spans="1:19">
      <c r="A5" s="73" t="s">
        <v>138</v>
      </c>
      <c r="B5" s="20">
        <v>91</v>
      </c>
      <c r="C5" s="20">
        <v>189</v>
      </c>
      <c r="D5" s="20">
        <v>125</v>
      </c>
      <c r="E5" s="20">
        <v>231</v>
      </c>
      <c r="F5" s="20">
        <v>110</v>
      </c>
      <c r="G5" s="20">
        <v>0</v>
      </c>
      <c r="H5" s="20">
        <v>746</v>
      </c>
    </row>
    <row r="6" spans="1:19">
      <c r="A6" s="77"/>
      <c r="B6" s="21">
        <v>0.122</v>
      </c>
      <c r="C6" s="21">
        <v>0.253</v>
      </c>
      <c r="D6" s="21">
        <v>0.16800000000000001</v>
      </c>
      <c r="E6" s="21">
        <v>0.31</v>
      </c>
      <c r="F6" s="21">
        <v>0.14699999999999999</v>
      </c>
      <c r="G6" s="21">
        <v>0</v>
      </c>
      <c r="H6" s="21">
        <v>1</v>
      </c>
      <c r="M6" s="22"/>
      <c r="N6" s="22"/>
      <c r="O6" s="22"/>
      <c r="P6" s="22"/>
      <c r="Q6" s="22"/>
      <c r="R6" s="22"/>
      <c r="S6" s="22"/>
    </row>
    <row r="7" spans="1:19">
      <c r="A7" s="73" t="s">
        <v>139</v>
      </c>
      <c r="B7" s="24">
        <v>310</v>
      </c>
      <c r="C7" s="24">
        <v>807</v>
      </c>
      <c r="D7" s="24">
        <v>637</v>
      </c>
      <c r="E7" s="24">
        <v>956</v>
      </c>
      <c r="F7" s="24">
        <v>523</v>
      </c>
      <c r="G7" s="24">
        <v>1</v>
      </c>
      <c r="H7" s="20">
        <v>3234</v>
      </c>
      <c r="M7" s="22"/>
      <c r="N7" s="22"/>
      <c r="O7" s="22"/>
      <c r="P7" s="22"/>
      <c r="Q7" s="22"/>
    </row>
    <row r="8" spans="1:19">
      <c r="A8" s="74"/>
      <c r="B8" s="21">
        <v>9.6000000000000002E-2</v>
      </c>
      <c r="C8" s="21">
        <v>0.25</v>
      </c>
      <c r="D8" s="21">
        <v>0.19700000000000001</v>
      </c>
      <c r="E8" s="21">
        <v>0.29599999999999999</v>
      </c>
      <c r="F8" s="21">
        <v>0.16200000000000001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</row>
    <row r="9" spans="1:19" s="23" customFormat="1">
      <c r="A9" s="73" t="s">
        <v>140</v>
      </c>
      <c r="B9" s="20">
        <v>150</v>
      </c>
      <c r="C9" s="20">
        <v>409</v>
      </c>
      <c r="D9" s="20">
        <v>307</v>
      </c>
      <c r="E9" s="20">
        <v>492</v>
      </c>
      <c r="F9" s="20">
        <v>248</v>
      </c>
      <c r="G9" s="20">
        <v>1</v>
      </c>
      <c r="H9" s="20">
        <v>1607</v>
      </c>
    </row>
    <row r="10" spans="1:19">
      <c r="A10" s="74"/>
      <c r="B10" s="21">
        <v>9.2999999999999999E-2</v>
      </c>
      <c r="C10" s="21">
        <v>0.255</v>
      </c>
      <c r="D10" s="21">
        <v>0.191</v>
      </c>
      <c r="E10" s="21">
        <v>0.30599999999999999</v>
      </c>
      <c r="F10" s="21">
        <v>0.154</v>
      </c>
      <c r="G10" s="21">
        <v>1E-3</v>
      </c>
      <c r="H10" s="21">
        <v>1</v>
      </c>
      <c r="M10" s="22"/>
      <c r="N10" s="22"/>
      <c r="O10" s="22"/>
      <c r="P10" s="22"/>
      <c r="Q10" s="22"/>
      <c r="R10" s="22"/>
      <c r="S10" s="22"/>
    </row>
    <row r="11" spans="1:19">
      <c r="A11" s="78" t="s">
        <v>141</v>
      </c>
      <c r="B11" s="24">
        <v>53</v>
      </c>
      <c r="C11" s="24">
        <v>113</v>
      </c>
      <c r="D11" s="24">
        <v>59</v>
      </c>
      <c r="E11" s="24">
        <v>126</v>
      </c>
      <c r="F11" s="24">
        <v>80</v>
      </c>
      <c r="G11" s="24">
        <v>0</v>
      </c>
      <c r="H11" s="24">
        <v>431</v>
      </c>
      <c r="M11" s="22"/>
      <c r="N11" s="22"/>
      <c r="O11" s="22"/>
      <c r="P11" s="22"/>
      <c r="Q11" s="22"/>
    </row>
    <row r="12" spans="1:19">
      <c r="A12" s="79"/>
      <c r="B12" s="21">
        <v>0.123</v>
      </c>
      <c r="C12" s="21">
        <v>0.26200000000000001</v>
      </c>
      <c r="D12" s="21">
        <v>0.13700000000000001</v>
      </c>
      <c r="E12" s="21">
        <v>0.29199999999999998</v>
      </c>
      <c r="F12" s="21">
        <v>0.186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</row>
    <row r="13" spans="1:19">
      <c r="A13" s="73" t="s">
        <v>22</v>
      </c>
      <c r="B13" s="24">
        <v>13</v>
      </c>
      <c r="C13" s="24">
        <v>12</v>
      </c>
      <c r="D13" s="24">
        <v>7</v>
      </c>
      <c r="E13" s="24">
        <v>11</v>
      </c>
      <c r="F13" s="24">
        <v>9</v>
      </c>
      <c r="G13" s="24">
        <v>0</v>
      </c>
      <c r="H13" s="24">
        <v>52</v>
      </c>
      <c r="M13" s="22"/>
      <c r="N13" s="22"/>
      <c r="O13" s="22"/>
      <c r="P13" s="22"/>
      <c r="Q13" s="22"/>
    </row>
    <row r="14" spans="1:19">
      <c r="A14" s="74"/>
      <c r="B14" s="21">
        <v>0.25</v>
      </c>
      <c r="C14" s="21">
        <v>0.23100000000000001</v>
      </c>
      <c r="D14" s="21">
        <v>0.13500000000000001</v>
      </c>
      <c r="E14" s="21">
        <v>0.21199999999999999</v>
      </c>
      <c r="F14" s="21">
        <v>0.17299999999999999</v>
      </c>
      <c r="G14" s="21">
        <v>0</v>
      </c>
      <c r="H14" s="21">
        <v>1</v>
      </c>
      <c r="M14" s="22"/>
      <c r="N14" s="22"/>
      <c r="O14" s="22"/>
      <c r="P14" s="22"/>
      <c r="Q14" s="22"/>
      <c r="R14" s="22"/>
      <c r="S14" s="22"/>
    </row>
    <row r="15" spans="1:19" s="23" customFormat="1">
      <c r="A15" s="73" t="s">
        <v>15</v>
      </c>
      <c r="B15" s="20">
        <v>617</v>
      </c>
      <c r="C15" s="20">
        <v>1530</v>
      </c>
      <c r="D15" s="20">
        <v>1135</v>
      </c>
      <c r="E15" s="20">
        <v>1816</v>
      </c>
      <c r="F15" s="20">
        <v>970</v>
      </c>
      <c r="G15" s="20">
        <v>2</v>
      </c>
      <c r="H15" s="20">
        <v>6070</v>
      </c>
    </row>
    <row r="16" spans="1:19">
      <c r="A16" s="74"/>
      <c r="B16" s="21">
        <v>0.10199999999999999</v>
      </c>
      <c r="C16" s="21">
        <v>0.252</v>
      </c>
      <c r="D16" s="21">
        <v>0.187</v>
      </c>
      <c r="E16" s="21">
        <v>0.29899999999999999</v>
      </c>
      <c r="F16" s="21">
        <v>0.16</v>
      </c>
      <c r="G16" s="21">
        <v>0</v>
      </c>
      <c r="H16" s="21">
        <v>1</v>
      </c>
      <c r="M16" s="22"/>
      <c r="N16" s="22"/>
      <c r="O16" s="22"/>
      <c r="P16" s="22"/>
      <c r="Q16" s="22"/>
      <c r="R16" s="22"/>
      <c r="S16" s="22"/>
    </row>
    <row r="17" spans="1:17">
      <c r="A17" s="80" t="s">
        <v>65</v>
      </c>
      <c r="B17" s="80"/>
      <c r="C17" s="80"/>
      <c r="D17" s="80"/>
      <c r="E17" s="80"/>
      <c r="F17" s="80"/>
      <c r="G17" s="80"/>
      <c r="H17" s="80"/>
      <c r="M17" s="22"/>
      <c r="N17" s="22"/>
      <c r="O17" s="22"/>
      <c r="P17" s="22"/>
      <c r="Q17" s="22"/>
    </row>
    <row r="18" spans="1:17">
      <c r="A18" s="25"/>
      <c r="B18" s="25"/>
      <c r="C18" s="25"/>
      <c r="D18" s="25"/>
      <c r="E18" s="25"/>
      <c r="F18" s="25"/>
      <c r="G18" s="25"/>
      <c r="H18" s="25"/>
    </row>
  </sheetData>
  <mergeCells count="10">
    <mergeCell ref="A11:A12"/>
    <mergeCell ref="A13:A14"/>
    <mergeCell ref="A15:A16"/>
    <mergeCell ref="A17:H17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5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8.875" style="18" customWidth="1"/>
    <col min="8" max="16384" width="9" style="18"/>
  </cols>
  <sheetData>
    <row r="1" spans="1:18">
      <c r="A1" s="70" t="s">
        <v>347</v>
      </c>
      <c r="B1" s="70"/>
      <c r="C1" s="70"/>
      <c r="D1" s="70"/>
      <c r="E1" s="70"/>
      <c r="F1" s="70"/>
      <c r="G1" s="70"/>
    </row>
    <row r="2" spans="1:18">
      <c r="A2" s="121" t="s">
        <v>613</v>
      </c>
      <c r="B2" s="36"/>
      <c r="C2" s="36"/>
      <c r="D2" s="36"/>
      <c r="E2" s="36"/>
      <c r="F2" s="36"/>
      <c r="G2" s="36"/>
    </row>
    <row r="3" spans="1:18">
      <c r="A3" s="75" t="s">
        <v>142</v>
      </c>
      <c r="B3" s="76" t="s">
        <v>67</v>
      </c>
      <c r="C3" s="76"/>
      <c r="D3" s="76"/>
      <c r="E3" s="76"/>
      <c r="F3" s="76"/>
      <c r="G3" s="76"/>
    </row>
    <row r="4" spans="1:18" ht="57">
      <c r="A4" s="75"/>
      <c r="B4" s="11" t="s">
        <v>69</v>
      </c>
      <c r="C4" s="11" t="s">
        <v>53</v>
      </c>
      <c r="D4" s="11" t="s">
        <v>54</v>
      </c>
      <c r="E4" s="11" t="s">
        <v>70</v>
      </c>
      <c r="F4" s="11" t="s">
        <v>22</v>
      </c>
      <c r="G4" s="11" t="s">
        <v>15</v>
      </c>
    </row>
    <row r="5" spans="1:18">
      <c r="A5" s="73" t="s">
        <v>138</v>
      </c>
      <c r="B5" s="20">
        <v>333</v>
      </c>
      <c r="C5" s="20">
        <v>57</v>
      </c>
      <c r="D5" s="20">
        <v>43</v>
      </c>
      <c r="E5" s="20">
        <v>312</v>
      </c>
      <c r="F5" s="20">
        <v>1</v>
      </c>
      <c r="G5" s="20">
        <v>746</v>
      </c>
    </row>
    <row r="6" spans="1:18">
      <c r="A6" s="77"/>
      <c r="B6" s="21">
        <v>0.44600000000000001</v>
      </c>
      <c r="C6" s="21">
        <v>7.5999999999999998E-2</v>
      </c>
      <c r="D6" s="21">
        <v>5.8000000000000003E-2</v>
      </c>
      <c r="E6" s="21">
        <v>0.41799999999999998</v>
      </c>
      <c r="F6" s="21">
        <v>1E-3</v>
      </c>
      <c r="G6" s="21">
        <v>1</v>
      </c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39</v>
      </c>
      <c r="B7" s="20">
        <v>1324</v>
      </c>
      <c r="C7" s="20">
        <v>303</v>
      </c>
      <c r="D7" s="20">
        <v>203</v>
      </c>
      <c r="E7" s="20">
        <v>1399</v>
      </c>
      <c r="F7" s="20">
        <v>5</v>
      </c>
      <c r="G7" s="20">
        <v>3234</v>
      </c>
    </row>
    <row r="8" spans="1:18">
      <c r="A8" s="74"/>
      <c r="B8" s="21">
        <v>0.40899999999999997</v>
      </c>
      <c r="C8" s="21">
        <v>9.4E-2</v>
      </c>
      <c r="D8" s="21">
        <v>6.3E-2</v>
      </c>
      <c r="E8" s="21">
        <v>0.433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</row>
    <row r="9" spans="1:18" s="23" customFormat="1">
      <c r="A9" s="73" t="s">
        <v>140</v>
      </c>
      <c r="B9" s="20">
        <v>568</v>
      </c>
      <c r="C9" s="20">
        <v>157</v>
      </c>
      <c r="D9" s="20">
        <v>94</v>
      </c>
      <c r="E9" s="20">
        <v>786</v>
      </c>
      <c r="F9" s="20">
        <v>2</v>
      </c>
      <c r="G9" s="20">
        <v>1607</v>
      </c>
    </row>
    <row r="10" spans="1:18">
      <c r="A10" s="74"/>
      <c r="B10" s="21">
        <v>0.35299999999999998</v>
      </c>
      <c r="C10" s="21">
        <v>9.8000000000000004E-2</v>
      </c>
      <c r="D10" s="21">
        <v>5.8000000000000003E-2</v>
      </c>
      <c r="E10" s="21">
        <v>0.48899999999999999</v>
      </c>
      <c r="F10" s="21">
        <v>1E-3</v>
      </c>
      <c r="G10" s="21">
        <v>1</v>
      </c>
      <c r="L10" s="22"/>
      <c r="M10" s="22"/>
      <c r="N10" s="22"/>
      <c r="O10" s="22"/>
      <c r="P10" s="22"/>
      <c r="Q10" s="22"/>
      <c r="R10" s="22"/>
    </row>
    <row r="11" spans="1:18">
      <c r="A11" s="78" t="s">
        <v>141</v>
      </c>
      <c r="B11" s="24">
        <v>153</v>
      </c>
      <c r="C11" s="24">
        <v>41</v>
      </c>
      <c r="D11" s="24">
        <v>25</v>
      </c>
      <c r="E11" s="24">
        <v>208</v>
      </c>
      <c r="F11" s="24">
        <v>4</v>
      </c>
      <c r="G11" s="24">
        <v>431</v>
      </c>
      <c r="L11" s="22"/>
      <c r="M11" s="22"/>
      <c r="N11" s="22"/>
      <c r="O11" s="22"/>
      <c r="P11" s="22"/>
    </row>
    <row r="12" spans="1:18">
      <c r="A12" s="79"/>
      <c r="B12" s="21">
        <v>0.35499999999999998</v>
      </c>
      <c r="C12" s="21">
        <v>9.5000000000000001E-2</v>
      </c>
      <c r="D12" s="21">
        <v>5.8000000000000003E-2</v>
      </c>
      <c r="E12" s="21">
        <v>0.48299999999999998</v>
      </c>
      <c r="F12" s="21">
        <v>8.9999999999999993E-3</v>
      </c>
      <c r="G12" s="21">
        <v>1</v>
      </c>
      <c r="L12" s="22"/>
      <c r="M12" s="22"/>
      <c r="N12" s="22"/>
      <c r="O12" s="22"/>
      <c r="P12" s="22"/>
      <c r="Q12" s="22"/>
      <c r="R12" s="22"/>
    </row>
    <row r="13" spans="1:18">
      <c r="A13" s="73" t="s">
        <v>22</v>
      </c>
      <c r="B13" s="24">
        <v>26</v>
      </c>
      <c r="C13" s="24">
        <v>4</v>
      </c>
      <c r="D13" s="24">
        <v>3</v>
      </c>
      <c r="E13" s="24">
        <v>19</v>
      </c>
      <c r="F13" s="24">
        <v>0</v>
      </c>
      <c r="G13" s="24">
        <v>52</v>
      </c>
      <c r="L13" s="22"/>
      <c r="M13" s="22"/>
      <c r="N13" s="22"/>
      <c r="O13" s="22"/>
      <c r="P13" s="22"/>
    </row>
    <row r="14" spans="1:18">
      <c r="A14" s="74"/>
      <c r="B14" s="21">
        <v>0.5</v>
      </c>
      <c r="C14" s="21">
        <v>7.6999999999999999E-2</v>
      </c>
      <c r="D14" s="21">
        <v>5.8000000000000003E-2</v>
      </c>
      <c r="E14" s="21">
        <v>0.36499999999999999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2404</v>
      </c>
      <c r="C15" s="20">
        <v>562</v>
      </c>
      <c r="D15" s="20">
        <v>368</v>
      </c>
      <c r="E15" s="20">
        <v>2724</v>
      </c>
      <c r="F15" s="20">
        <v>12</v>
      </c>
      <c r="G15" s="20">
        <v>6070</v>
      </c>
    </row>
    <row r="16" spans="1:18">
      <c r="A16" s="74"/>
      <c r="B16" s="21">
        <v>0.39600000000000002</v>
      </c>
      <c r="C16" s="21">
        <v>9.2999999999999999E-2</v>
      </c>
      <c r="D16" s="21">
        <v>6.0999999999999999E-2</v>
      </c>
      <c r="E16" s="21">
        <v>0.44900000000000001</v>
      </c>
      <c r="F16" s="21">
        <v>2E-3</v>
      </c>
      <c r="G16" s="21">
        <v>1</v>
      </c>
      <c r="L16" s="22"/>
      <c r="M16" s="22"/>
      <c r="N16" s="22"/>
      <c r="O16" s="22"/>
      <c r="P16" s="22"/>
      <c r="Q16" s="22"/>
      <c r="R16" s="22"/>
    </row>
    <row r="17" spans="1:16" ht="14.25" customHeight="1">
      <c r="A17" s="71" t="s">
        <v>71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6">
      <c r="A18" s="81"/>
      <c r="B18" s="81"/>
      <c r="C18" s="81"/>
      <c r="D18" s="81"/>
      <c r="E18" s="81"/>
      <c r="F18" s="81"/>
      <c r="G18" s="81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6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3" width="8.875" style="18" customWidth="1"/>
    <col min="4" max="4" width="18.375" style="18" bestFit="1" customWidth="1"/>
    <col min="5" max="6" width="8.875" style="18" customWidth="1"/>
    <col min="7" max="16384" width="9" style="18"/>
  </cols>
  <sheetData>
    <row r="1" spans="1:17">
      <c r="A1" s="70" t="s">
        <v>348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75" t="s">
        <v>142</v>
      </c>
      <c r="B3" s="76" t="s">
        <v>73</v>
      </c>
      <c r="C3" s="76"/>
      <c r="D3" s="76"/>
      <c r="E3" s="76"/>
      <c r="F3" s="76"/>
    </row>
    <row r="4" spans="1:17" ht="28.5">
      <c r="A4" s="75"/>
      <c r="B4" s="11" t="s">
        <v>43</v>
      </c>
      <c r="C4" s="11" t="s">
        <v>44</v>
      </c>
      <c r="D4" s="11" t="s">
        <v>70</v>
      </c>
      <c r="E4" s="11" t="s">
        <v>22</v>
      </c>
      <c r="F4" s="11" t="s">
        <v>15</v>
      </c>
    </row>
    <row r="5" spans="1:17">
      <c r="A5" s="73" t="s">
        <v>138</v>
      </c>
      <c r="B5" s="20">
        <v>198</v>
      </c>
      <c r="C5" s="20">
        <v>283</v>
      </c>
      <c r="D5" s="20">
        <v>264</v>
      </c>
      <c r="E5" s="20">
        <v>1</v>
      </c>
      <c r="F5" s="20">
        <v>746</v>
      </c>
    </row>
    <row r="6" spans="1:17">
      <c r="A6" s="77"/>
      <c r="B6" s="21">
        <v>0.26500000000000001</v>
      </c>
      <c r="C6" s="21">
        <v>0.379</v>
      </c>
      <c r="D6" s="21">
        <v>0.35399999999999998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39</v>
      </c>
      <c r="B7" s="20">
        <v>888</v>
      </c>
      <c r="C7" s="20">
        <v>1148</v>
      </c>
      <c r="D7" s="20">
        <v>1197</v>
      </c>
      <c r="E7" s="20">
        <v>1</v>
      </c>
      <c r="F7" s="20">
        <v>3234</v>
      </c>
    </row>
    <row r="8" spans="1:17">
      <c r="A8" s="74"/>
      <c r="B8" s="21">
        <v>0.27500000000000002</v>
      </c>
      <c r="C8" s="21">
        <v>0.35499999999999998</v>
      </c>
      <c r="D8" s="21">
        <v>0.37</v>
      </c>
      <c r="E8" s="21">
        <v>0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 s="23" customFormat="1">
      <c r="A9" s="73" t="s">
        <v>140</v>
      </c>
      <c r="B9" s="20">
        <v>440</v>
      </c>
      <c r="C9" s="20">
        <v>548</v>
      </c>
      <c r="D9" s="20">
        <v>616</v>
      </c>
      <c r="E9" s="20">
        <v>3</v>
      </c>
      <c r="F9" s="20">
        <v>1607</v>
      </c>
    </row>
    <row r="10" spans="1:17">
      <c r="A10" s="74"/>
      <c r="B10" s="21">
        <v>0.27400000000000002</v>
      </c>
      <c r="C10" s="21">
        <v>0.34100000000000003</v>
      </c>
      <c r="D10" s="21">
        <v>0.38300000000000001</v>
      </c>
      <c r="E10" s="21">
        <v>2E-3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141</v>
      </c>
      <c r="B11" s="24">
        <v>122</v>
      </c>
      <c r="C11" s="24">
        <v>139</v>
      </c>
      <c r="D11" s="24">
        <v>167</v>
      </c>
      <c r="E11" s="24">
        <v>3</v>
      </c>
      <c r="F11" s="24">
        <v>431</v>
      </c>
      <c r="K11" s="22"/>
      <c r="L11" s="22"/>
      <c r="M11" s="22"/>
      <c r="N11" s="22"/>
      <c r="O11" s="22"/>
    </row>
    <row r="12" spans="1:17">
      <c r="A12" s="79"/>
      <c r="B12" s="21">
        <v>0.28299999999999997</v>
      </c>
      <c r="C12" s="21">
        <v>0.32300000000000001</v>
      </c>
      <c r="D12" s="21">
        <v>0.38700000000000001</v>
      </c>
      <c r="E12" s="21">
        <v>7.0000000000000001E-3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17</v>
      </c>
      <c r="C13" s="24">
        <v>18</v>
      </c>
      <c r="D13" s="24">
        <v>16</v>
      </c>
      <c r="E13" s="24">
        <v>1</v>
      </c>
      <c r="F13" s="24">
        <v>52</v>
      </c>
      <c r="K13" s="22"/>
      <c r="L13" s="22"/>
      <c r="M13" s="22"/>
      <c r="N13" s="22"/>
      <c r="O13" s="22"/>
    </row>
    <row r="14" spans="1:17">
      <c r="A14" s="74"/>
      <c r="B14" s="21">
        <v>0.32700000000000001</v>
      </c>
      <c r="C14" s="21">
        <v>0.34599999999999997</v>
      </c>
      <c r="D14" s="21">
        <v>0.308</v>
      </c>
      <c r="E14" s="21">
        <v>1.9E-2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1665</v>
      </c>
      <c r="C15" s="20">
        <v>2136</v>
      </c>
      <c r="D15" s="20">
        <v>2260</v>
      </c>
      <c r="E15" s="20">
        <v>9</v>
      </c>
      <c r="F15" s="20">
        <v>6070</v>
      </c>
    </row>
    <row r="16" spans="1:17">
      <c r="A16" s="74"/>
      <c r="B16" s="21">
        <v>0.27400000000000002</v>
      </c>
      <c r="C16" s="21">
        <v>0.35199999999999998</v>
      </c>
      <c r="D16" s="21">
        <v>0.372</v>
      </c>
      <c r="E16" s="21">
        <v>1E-3</v>
      </c>
      <c r="F16" s="21">
        <v>1</v>
      </c>
      <c r="K16" s="22"/>
      <c r="L16" s="22"/>
      <c r="M16" s="22"/>
      <c r="N16" s="22"/>
      <c r="O16" s="22"/>
      <c r="P16" s="22"/>
      <c r="Q16" s="22"/>
    </row>
    <row r="17" spans="1:15" ht="14.25" customHeight="1">
      <c r="A17" s="80" t="s">
        <v>75</v>
      </c>
      <c r="B17" s="80"/>
      <c r="C17" s="80"/>
      <c r="D17" s="80"/>
      <c r="E17" s="80"/>
      <c r="F17" s="80"/>
      <c r="K17" s="22"/>
      <c r="L17" s="22"/>
      <c r="M17" s="22"/>
      <c r="N17" s="22"/>
      <c r="O17" s="22"/>
    </row>
    <row r="18" spans="1:15">
      <c r="A18" s="86"/>
      <c r="B18" s="86"/>
      <c r="C18" s="86"/>
      <c r="D18" s="86"/>
      <c r="E18" s="86"/>
      <c r="F18" s="86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7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3" width="8.875" style="18" customWidth="1"/>
    <col min="4" max="4" width="11.625" style="18" bestFit="1" customWidth="1"/>
    <col min="5" max="6" width="8.875" style="18" customWidth="1"/>
    <col min="7" max="16384" width="9" style="18"/>
  </cols>
  <sheetData>
    <row r="1" spans="1:17">
      <c r="A1" s="70" t="s">
        <v>349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75" t="s">
        <v>142</v>
      </c>
      <c r="B3" s="76" t="s">
        <v>78</v>
      </c>
      <c r="C3" s="76"/>
      <c r="D3" s="76"/>
      <c r="E3" s="76"/>
      <c r="F3" s="76"/>
    </row>
    <row r="4" spans="1:17">
      <c r="A4" s="75"/>
      <c r="B4" s="11" t="s">
        <v>43</v>
      </c>
      <c r="C4" s="11" t="s">
        <v>44</v>
      </c>
      <c r="D4" s="11" t="s">
        <v>63</v>
      </c>
      <c r="E4" s="11" t="s">
        <v>22</v>
      </c>
      <c r="F4" s="11" t="s">
        <v>15</v>
      </c>
    </row>
    <row r="5" spans="1:17">
      <c r="A5" s="73" t="s">
        <v>138</v>
      </c>
      <c r="B5" s="20">
        <v>419</v>
      </c>
      <c r="C5" s="20">
        <v>63</v>
      </c>
      <c r="D5" s="20">
        <v>262</v>
      </c>
      <c r="E5" s="20">
        <v>2</v>
      </c>
      <c r="F5" s="20">
        <v>746</v>
      </c>
    </row>
    <row r="6" spans="1:17">
      <c r="A6" s="77"/>
      <c r="B6" s="21">
        <v>0.56200000000000006</v>
      </c>
      <c r="C6" s="21">
        <v>8.4000000000000005E-2</v>
      </c>
      <c r="D6" s="21">
        <v>0.35099999999999998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 s="23" customFormat="1">
      <c r="A7" s="89" t="s">
        <v>139</v>
      </c>
      <c r="B7" s="20">
        <v>1819</v>
      </c>
      <c r="C7" s="20">
        <v>237</v>
      </c>
      <c r="D7" s="20">
        <v>1168</v>
      </c>
      <c r="E7" s="20">
        <v>10</v>
      </c>
      <c r="F7" s="20">
        <v>3234</v>
      </c>
    </row>
    <row r="8" spans="1:17">
      <c r="A8" s="74"/>
      <c r="B8" s="21">
        <v>0.56200000000000006</v>
      </c>
      <c r="C8" s="21">
        <v>7.2999999999999995E-2</v>
      </c>
      <c r="D8" s="21">
        <v>0.36099999999999999</v>
      </c>
      <c r="E8" s="21">
        <v>3.0000000000000001E-3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 s="23" customFormat="1">
      <c r="A9" s="89" t="s">
        <v>140</v>
      </c>
      <c r="B9" s="20">
        <v>828</v>
      </c>
      <c r="C9" s="20">
        <v>127</v>
      </c>
      <c r="D9" s="20">
        <v>649</v>
      </c>
      <c r="E9" s="20">
        <v>3</v>
      </c>
      <c r="F9" s="20">
        <v>1607</v>
      </c>
    </row>
    <row r="10" spans="1:17">
      <c r="A10" s="74"/>
      <c r="B10" s="21">
        <v>0.51500000000000001</v>
      </c>
      <c r="C10" s="21">
        <v>7.9000000000000001E-2</v>
      </c>
      <c r="D10" s="21">
        <v>0.40400000000000003</v>
      </c>
      <c r="E10" s="21">
        <v>2E-3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141</v>
      </c>
      <c r="B11" s="24">
        <v>176</v>
      </c>
      <c r="C11" s="24">
        <v>39</v>
      </c>
      <c r="D11" s="24">
        <v>211</v>
      </c>
      <c r="E11" s="24">
        <v>5</v>
      </c>
      <c r="F11" s="24">
        <v>431</v>
      </c>
      <c r="K11" s="22"/>
      <c r="L11" s="22"/>
      <c r="M11" s="22"/>
      <c r="N11" s="22"/>
      <c r="O11" s="22"/>
    </row>
    <row r="12" spans="1:17">
      <c r="A12" s="79"/>
      <c r="B12" s="21">
        <v>0.40799999999999997</v>
      </c>
      <c r="C12" s="21">
        <v>0.09</v>
      </c>
      <c r="D12" s="21">
        <v>0.49</v>
      </c>
      <c r="E12" s="21">
        <v>1.2E-2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21</v>
      </c>
      <c r="C13" s="24">
        <v>6</v>
      </c>
      <c r="D13" s="24">
        <v>25</v>
      </c>
      <c r="E13" s="24">
        <v>0</v>
      </c>
      <c r="F13" s="24">
        <v>52</v>
      </c>
      <c r="K13" s="22"/>
      <c r="L13" s="22"/>
      <c r="M13" s="22"/>
      <c r="N13" s="22"/>
      <c r="O13" s="22"/>
    </row>
    <row r="14" spans="1:17">
      <c r="A14" s="74"/>
      <c r="B14" s="21">
        <v>0.40400000000000003</v>
      </c>
      <c r="C14" s="21">
        <v>0.115</v>
      </c>
      <c r="D14" s="21">
        <v>0.48099999999999998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 s="23" customFormat="1" ht="13.9" customHeight="1">
      <c r="A15" s="89" t="s">
        <v>15</v>
      </c>
      <c r="B15" s="20">
        <v>3263</v>
      </c>
      <c r="C15" s="20">
        <v>472</v>
      </c>
      <c r="D15" s="20">
        <v>2315</v>
      </c>
      <c r="E15" s="20">
        <v>20</v>
      </c>
      <c r="F15" s="20">
        <v>6070</v>
      </c>
    </row>
    <row r="16" spans="1:17">
      <c r="A16" s="74"/>
      <c r="B16" s="21">
        <v>0.53800000000000003</v>
      </c>
      <c r="C16" s="21">
        <v>7.8E-2</v>
      </c>
      <c r="D16" s="21">
        <v>0.38100000000000001</v>
      </c>
      <c r="E16" s="21">
        <v>3.0000000000000001E-3</v>
      </c>
      <c r="F16" s="21">
        <v>1</v>
      </c>
      <c r="K16" s="22"/>
      <c r="L16" s="22"/>
      <c r="M16" s="22"/>
      <c r="N16" s="22"/>
      <c r="O16" s="22"/>
      <c r="P16" s="22"/>
      <c r="Q16" s="22"/>
    </row>
    <row r="17" spans="1:15" ht="31.15" customHeight="1">
      <c r="A17" s="90" t="s">
        <v>239</v>
      </c>
      <c r="B17" s="90"/>
      <c r="C17" s="90"/>
      <c r="D17" s="90"/>
      <c r="E17" s="90"/>
      <c r="F17" s="90"/>
      <c r="K17" s="22"/>
      <c r="L17" s="22"/>
      <c r="M17" s="22"/>
      <c r="N17" s="22"/>
      <c r="O17" s="22"/>
    </row>
    <row r="18" spans="1:15">
      <c r="A18" s="25"/>
      <c r="B18" s="25"/>
      <c r="C18" s="25"/>
      <c r="D18" s="25"/>
      <c r="E18" s="25"/>
      <c r="F18" s="25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verticalDpi="0" r:id="rId1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8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9" style="18" customWidth="1"/>
    <col min="6" max="16384" width="9" style="18"/>
  </cols>
  <sheetData>
    <row r="1" spans="1:16">
      <c r="A1" s="70" t="s">
        <v>350</v>
      </c>
      <c r="B1" s="70"/>
      <c r="C1" s="70"/>
      <c r="D1" s="70"/>
      <c r="E1" s="70"/>
    </row>
    <row r="2" spans="1:16">
      <c r="A2" s="121" t="s">
        <v>613</v>
      </c>
      <c r="B2" s="36"/>
      <c r="C2" s="36"/>
      <c r="D2" s="36"/>
      <c r="E2" s="36"/>
    </row>
    <row r="3" spans="1:16">
      <c r="A3" s="75" t="s">
        <v>142</v>
      </c>
      <c r="B3" s="76" t="s">
        <v>81</v>
      </c>
      <c r="C3" s="76"/>
      <c r="D3" s="76"/>
      <c r="E3" s="76"/>
    </row>
    <row r="4" spans="1:16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6">
      <c r="A5" s="73" t="s">
        <v>138</v>
      </c>
      <c r="B5" s="20">
        <v>709</v>
      </c>
      <c r="C5" s="20">
        <v>35</v>
      </c>
      <c r="D5" s="20">
        <v>2</v>
      </c>
      <c r="E5" s="20">
        <v>746</v>
      </c>
    </row>
    <row r="6" spans="1:16">
      <c r="A6" s="77"/>
      <c r="B6" s="21">
        <v>0.95</v>
      </c>
      <c r="C6" s="21">
        <v>4.7E-2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</row>
    <row r="7" spans="1:16" s="23" customFormat="1">
      <c r="A7" s="73" t="s">
        <v>139</v>
      </c>
      <c r="B7" s="20">
        <v>3041</v>
      </c>
      <c r="C7" s="20">
        <v>189</v>
      </c>
      <c r="D7" s="20">
        <v>4</v>
      </c>
      <c r="E7" s="20">
        <v>3234</v>
      </c>
    </row>
    <row r="8" spans="1:16">
      <c r="A8" s="74"/>
      <c r="B8" s="21">
        <v>0.94</v>
      </c>
      <c r="C8" s="21">
        <v>5.8000000000000003E-2</v>
      </c>
      <c r="D8" s="21">
        <v>1E-3</v>
      </c>
      <c r="E8" s="21">
        <v>1</v>
      </c>
      <c r="J8" s="22"/>
      <c r="K8" s="22"/>
      <c r="L8" s="22"/>
      <c r="M8" s="22"/>
      <c r="N8" s="22"/>
      <c r="O8" s="22"/>
      <c r="P8" s="22"/>
    </row>
    <row r="9" spans="1:16" s="23" customFormat="1">
      <c r="A9" s="73" t="s">
        <v>140</v>
      </c>
      <c r="B9" s="20">
        <v>1485</v>
      </c>
      <c r="C9" s="20">
        <v>119</v>
      </c>
      <c r="D9" s="20">
        <v>3</v>
      </c>
      <c r="E9" s="20">
        <v>1607</v>
      </c>
    </row>
    <row r="10" spans="1:16">
      <c r="A10" s="74"/>
      <c r="B10" s="21">
        <v>0.92400000000000004</v>
      </c>
      <c r="C10" s="21">
        <v>7.3999999999999996E-2</v>
      </c>
      <c r="D10" s="21">
        <v>2E-3</v>
      </c>
      <c r="E10" s="21">
        <v>1</v>
      </c>
      <c r="J10" s="22"/>
      <c r="K10" s="22"/>
      <c r="L10" s="22"/>
      <c r="M10" s="22"/>
      <c r="N10" s="22"/>
      <c r="O10" s="22"/>
      <c r="P10" s="22"/>
    </row>
    <row r="11" spans="1:16">
      <c r="A11" s="78" t="s">
        <v>141</v>
      </c>
      <c r="B11" s="24">
        <v>385</v>
      </c>
      <c r="C11" s="24">
        <v>39</v>
      </c>
      <c r="D11" s="24">
        <v>7</v>
      </c>
      <c r="E11" s="24">
        <v>431</v>
      </c>
      <c r="J11" s="22"/>
      <c r="K11" s="22"/>
      <c r="L11" s="22"/>
      <c r="M11" s="22"/>
      <c r="N11" s="22"/>
    </row>
    <row r="12" spans="1:16">
      <c r="A12" s="79"/>
      <c r="B12" s="21">
        <v>0.89300000000000002</v>
      </c>
      <c r="C12" s="21">
        <v>0.09</v>
      </c>
      <c r="D12" s="21">
        <v>1.6E-2</v>
      </c>
      <c r="E12" s="21">
        <v>1</v>
      </c>
      <c r="J12" s="22"/>
      <c r="K12" s="22"/>
      <c r="L12" s="22"/>
      <c r="M12" s="22"/>
      <c r="N12" s="22"/>
      <c r="O12" s="22"/>
      <c r="P12" s="22"/>
    </row>
    <row r="13" spans="1:16">
      <c r="A13" s="73" t="s">
        <v>22</v>
      </c>
      <c r="B13" s="24">
        <v>47</v>
      </c>
      <c r="C13" s="24">
        <v>4</v>
      </c>
      <c r="D13" s="24">
        <v>1</v>
      </c>
      <c r="E13" s="24">
        <v>52</v>
      </c>
      <c r="J13" s="22"/>
      <c r="K13" s="22"/>
      <c r="L13" s="22"/>
      <c r="M13" s="22"/>
      <c r="N13" s="22"/>
    </row>
    <row r="14" spans="1:16">
      <c r="A14" s="74"/>
      <c r="B14" s="21">
        <v>0.90400000000000003</v>
      </c>
      <c r="C14" s="21">
        <v>7.6999999999999999E-2</v>
      </c>
      <c r="D14" s="21">
        <v>1.9E-2</v>
      </c>
      <c r="E14" s="21">
        <v>1</v>
      </c>
      <c r="J14" s="22"/>
      <c r="K14" s="22"/>
      <c r="L14" s="22"/>
      <c r="M14" s="22"/>
      <c r="N14" s="22"/>
      <c r="O14" s="22"/>
      <c r="P14" s="22"/>
    </row>
    <row r="15" spans="1:16" s="23" customFormat="1">
      <c r="A15" s="73" t="s">
        <v>15</v>
      </c>
      <c r="B15" s="20">
        <v>5667</v>
      </c>
      <c r="C15" s="20">
        <v>386</v>
      </c>
      <c r="D15" s="20">
        <v>17</v>
      </c>
      <c r="E15" s="20">
        <v>6070</v>
      </c>
    </row>
    <row r="16" spans="1:16">
      <c r="A16" s="74"/>
      <c r="B16" s="21">
        <v>0.93400000000000005</v>
      </c>
      <c r="C16" s="21">
        <v>6.4000000000000001E-2</v>
      </c>
      <c r="D16" s="21">
        <v>3.0000000000000001E-3</v>
      </c>
      <c r="E16" s="21">
        <v>1</v>
      </c>
      <c r="J16" s="22"/>
      <c r="K16" s="22"/>
      <c r="L16" s="22"/>
      <c r="M16" s="22"/>
      <c r="N16" s="22"/>
      <c r="O16" s="22"/>
      <c r="P16" s="22"/>
    </row>
    <row r="17" spans="1:14" ht="14.25" customHeight="1">
      <c r="A17" s="71" t="s">
        <v>192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81"/>
      <c r="B18" s="81"/>
      <c r="C18" s="81"/>
      <c r="D18" s="81"/>
      <c r="E18" s="81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:O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8.75" style="18" customWidth="1"/>
    <col min="3" max="3" width="9.375" style="18" customWidth="1"/>
    <col min="4" max="4" width="8.375" style="18" customWidth="1"/>
    <col min="5" max="16384" width="9" style="18"/>
  </cols>
  <sheetData>
    <row r="1" spans="1:15">
      <c r="A1" s="70" t="s">
        <v>46</v>
      </c>
      <c r="B1" s="70"/>
      <c r="C1" s="70"/>
      <c r="D1" s="70"/>
      <c r="E1" s="70"/>
    </row>
    <row r="2" spans="1:15">
      <c r="A2" s="121" t="s">
        <v>613</v>
      </c>
      <c r="B2" s="36"/>
      <c r="C2" s="36"/>
      <c r="D2" s="36"/>
      <c r="E2" s="36"/>
    </row>
    <row r="3" spans="1:15">
      <c r="A3" s="75" t="s">
        <v>6</v>
      </c>
      <c r="B3" s="76" t="s">
        <v>42</v>
      </c>
      <c r="C3" s="76"/>
      <c r="D3" s="76"/>
      <c r="E3" s="76"/>
    </row>
    <row r="4" spans="1:15">
      <c r="A4" s="75"/>
      <c r="B4" s="11" t="s">
        <v>43</v>
      </c>
      <c r="C4" s="11" t="s">
        <v>44</v>
      </c>
      <c r="D4" s="11" t="s">
        <v>22</v>
      </c>
      <c r="E4" s="11" t="s">
        <v>15</v>
      </c>
    </row>
    <row r="5" spans="1:15">
      <c r="A5" s="73" t="s">
        <v>7</v>
      </c>
      <c r="B5" s="20">
        <v>1484</v>
      </c>
      <c r="C5" s="20">
        <v>1021</v>
      </c>
      <c r="D5" s="20">
        <v>12</v>
      </c>
      <c r="E5" s="20">
        <v>2517</v>
      </c>
    </row>
    <row r="6" spans="1:15">
      <c r="A6" s="77"/>
      <c r="B6" s="21">
        <v>0.59</v>
      </c>
      <c r="C6" s="21">
        <v>0.40600000000000003</v>
      </c>
      <c r="D6" s="21">
        <v>5.0000000000000001E-3</v>
      </c>
      <c r="E6" s="21">
        <v>1</v>
      </c>
      <c r="J6" s="22"/>
      <c r="K6" s="22"/>
      <c r="L6" s="22"/>
      <c r="M6" s="22"/>
      <c r="N6" s="22"/>
      <c r="O6" s="22"/>
    </row>
    <row r="7" spans="1:15">
      <c r="A7" s="73" t="s">
        <v>8</v>
      </c>
      <c r="B7" s="24">
        <v>295</v>
      </c>
      <c r="C7" s="24">
        <v>232</v>
      </c>
      <c r="D7" s="24">
        <v>2</v>
      </c>
      <c r="E7" s="20">
        <v>529</v>
      </c>
      <c r="J7" s="22"/>
      <c r="K7" s="22"/>
      <c r="L7" s="22"/>
      <c r="M7" s="22"/>
      <c r="N7" s="22"/>
    </row>
    <row r="8" spans="1:15">
      <c r="A8" s="74"/>
      <c r="B8" s="21">
        <v>0.55800000000000005</v>
      </c>
      <c r="C8" s="21">
        <v>0.439</v>
      </c>
      <c r="D8" s="21">
        <v>4.0000000000000001E-3</v>
      </c>
      <c r="E8" s="21">
        <v>1</v>
      </c>
      <c r="J8" s="22"/>
      <c r="K8" s="22"/>
      <c r="L8" s="22"/>
      <c r="M8" s="22"/>
      <c r="N8" s="22"/>
      <c r="O8" s="22"/>
    </row>
    <row r="9" spans="1:15">
      <c r="A9" s="73" t="s">
        <v>9</v>
      </c>
      <c r="B9" s="24">
        <v>488</v>
      </c>
      <c r="C9" s="24">
        <v>420</v>
      </c>
      <c r="D9" s="24">
        <v>8</v>
      </c>
      <c r="E9" s="24">
        <v>916</v>
      </c>
      <c r="J9" s="22"/>
      <c r="K9" s="22"/>
      <c r="L9" s="22"/>
      <c r="M9" s="22"/>
      <c r="N9" s="22"/>
    </row>
    <row r="10" spans="1:15">
      <c r="A10" s="74"/>
      <c r="B10" s="21">
        <v>0.53300000000000003</v>
      </c>
      <c r="C10" s="21">
        <v>0.45900000000000002</v>
      </c>
      <c r="D10" s="21">
        <v>8.9999999999999993E-3</v>
      </c>
      <c r="E10" s="21">
        <v>1</v>
      </c>
      <c r="J10" s="22"/>
      <c r="K10" s="22"/>
      <c r="L10" s="22"/>
      <c r="M10" s="22"/>
      <c r="N10" s="22"/>
      <c r="O10" s="22"/>
    </row>
    <row r="11" spans="1:15">
      <c r="A11" s="78" t="s">
        <v>10</v>
      </c>
      <c r="B11" s="24">
        <v>204</v>
      </c>
      <c r="C11" s="24">
        <v>63</v>
      </c>
      <c r="D11" s="24">
        <v>0</v>
      </c>
      <c r="E11" s="24">
        <v>267</v>
      </c>
      <c r="J11" s="22"/>
      <c r="K11" s="22"/>
      <c r="L11" s="22"/>
      <c r="M11" s="22"/>
      <c r="N11" s="22"/>
    </row>
    <row r="12" spans="1:15">
      <c r="A12" s="79"/>
      <c r="B12" s="21">
        <v>0.76400000000000001</v>
      </c>
      <c r="C12" s="21">
        <v>0.23599999999999999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</row>
    <row r="13" spans="1:15">
      <c r="A13" s="73" t="s">
        <v>11</v>
      </c>
      <c r="B13" s="24">
        <v>127</v>
      </c>
      <c r="C13" s="24">
        <v>108</v>
      </c>
      <c r="D13" s="24">
        <v>2</v>
      </c>
      <c r="E13" s="24">
        <v>237</v>
      </c>
      <c r="J13" s="22"/>
      <c r="K13" s="22"/>
      <c r="L13" s="22"/>
      <c r="M13" s="22"/>
      <c r="N13" s="22"/>
    </row>
    <row r="14" spans="1:15">
      <c r="A14" s="74"/>
      <c r="B14" s="21">
        <v>0.53600000000000003</v>
      </c>
      <c r="C14" s="21">
        <v>0.45600000000000002</v>
      </c>
      <c r="D14" s="21">
        <v>8.0000000000000002E-3</v>
      </c>
      <c r="E14" s="21">
        <v>1</v>
      </c>
      <c r="J14" s="22"/>
      <c r="K14" s="22"/>
      <c r="L14" s="22"/>
      <c r="M14" s="22"/>
      <c r="N14" s="22"/>
      <c r="O14" s="22"/>
    </row>
    <row r="15" spans="1:15">
      <c r="A15" s="73" t="s">
        <v>12</v>
      </c>
      <c r="B15" s="24">
        <v>149</v>
      </c>
      <c r="C15" s="24">
        <v>81</v>
      </c>
      <c r="D15" s="24">
        <v>1</v>
      </c>
      <c r="E15" s="24">
        <v>231</v>
      </c>
      <c r="J15" s="22"/>
      <c r="K15" s="22"/>
      <c r="L15" s="22"/>
      <c r="M15" s="22"/>
      <c r="N15" s="22"/>
    </row>
    <row r="16" spans="1:15">
      <c r="A16" s="74"/>
      <c r="B16" s="21">
        <v>0.64500000000000002</v>
      </c>
      <c r="C16" s="21">
        <v>0.35099999999999998</v>
      </c>
      <c r="D16" s="21">
        <v>4.0000000000000001E-3</v>
      </c>
      <c r="E16" s="21">
        <v>1</v>
      </c>
      <c r="J16" s="22"/>
      <c r="K16" s="22"/>
      <c r="L16" s="22"/>
      <c r="M16" s="22"/>
      <c r="N16" s="22"/>
      <c r="O16" s="22"/>
    </row>
    <row r="17" spans="1:15" s="23" customFormat="1">
      <c r="A17" s="73" t="s">
        <v>13</v>
      </c>
      <c r="B17" s="20">
        <v>609</v>
      </c>
      <c r="C17" s="20">
        <v>530</v>
      </c>
      <c r="D17" s="20">
        <v>7</v>
      </c>
      <c r="E17" s="20">
        <v>1146</v>
      </c>
    </row>
    <row r="18" spans="1:15">
      <c r="A18" s="74"/>
      <c r="B18" s="21">
        <v>0.53100000000000003</v>
      </c>
      <c r="C18" s="21">
        <v>0.46200000000000002</v>
      </c>
      <c r="D18" s="21">
        <v>6.0000000000000001E-3</v>
      </c>
      <c r="E18" s="21">
        <v>1</v>
      </c>
      <c r="J18" s="22"/>
      <c r="K18" s="22"/>
      <c r="L18" s="22"/>
      <c r="M18" s="22"/>
      <c r="N18" s="22"/>
      <c r="O18" s="22"/>
    </row>
    <row r="19" spans="1:15">
      <c r="A19" s="73" t="s">
        <v>14</v>
      </c>
      <c r="B19" s="24">
        <v>92</v>
      </c>
      <c r="C19" s="24">
        <v>86</v>
      </c>
      <c r="D19" s="24">
        <v>1</v>
      </c>
      <c r="E19" s="24">
        <v>179</v>
      </c>
      <c r="J19" s="22"/>
      <c r="K19" s="22"/>
      <c r="L19" s="22"/>
      <c r="M19" s="22"/>
      <c r="N19" s="22"/>
    </row>
    <row r="20" spans="1:15">
      <c r="A20" s="74"/>
      <c r="B20" s="21">
        <v>0.51400000000000001</v>
      </c>
      <c r="C20" s="21">
        <v>0.48</v>
      </c>
      <c r="D20" s="21">
        <v>6.0000000000000001E-3</v>
      </c>
      <c r="E20" s="21">
        <v>1</v>
      </c>
      <c r="J20" s="22"/>
      <c r="K20" s="22"/>
      <c r="L20" s="22"/>
      <c r="M20" s="22"/>
      <c r="N20" s="22"/>
      <c r="O20" s="22"/>
    </row>
    <row r="21" spans="1:15">
      <c r="A21" s="72" t="s">
        <v>22</v>
      </c>
      <c r="B21" s="34">
        <v>27</v>
      </c>
      <c r="C21" s="34">
        <v>21</v>
      </c>
      <c r="D21" s="34">
        <v>0</v>
      </c>
      <c r="E21" s="34">
        <v>48</v>
      </c>
      <c r="J21" s="22"/>
      <c r="K21" s="22"/>
      <c r="L21" s="22"/>
      <c r="M21" s="22"/>
      <c r="N21" s="22"/>
    </row>
    <row r="22" spans="1:15" s="26" customFormat="1">
      <c r="A22" s="72"/>
      <c r="B22" s="33">
        <v>0.56299999999999994</v>
      </c>
      <c r="C22" s="33">
        <v>0.438</v>
      </c>
      <c r="D22" s="33">
        <v>0</v>
      </c>
      <c r="E22" s="33">
        <v>1</v>
      </c>
    </row>
    <row r="23" spans="1:15" s="23" customFormat="1">
      <c r="A23" s="73" t="s">
        <v>15</v>
      </c>
      <c r="B23" s="20">
        <v>3475</v>
      </c>
      <c r="C23" s="20">
        <v>2562</v>
      </c>
      <c r="D23" s="20">
        <v>33</v>
      </c>
      <c r="E23" s="20">
        <v>6070</v>
      </c>
    </row>
    <row r="24" spans="1:15">
      <c r="A24" s="74"/>
      <c r="B24" s="21">
        <v>0.57199999999999995</v>
      </c>
      <c r="C24" s="21">
        <v>0.42199999999999999</v>
      </c>
      <c r="D24" s="21">
        <v>5.0000000000000001E-3</v>
      </c>
      <c r="E24" s="21">
        <v>1</v>
      </c>
      <c r="J24" s="22"/>
      <c r="K24" s="22"/>
      <c r="L24" s="22"/>
      <c r="M24" s="22"/>
      <c r="N24" s="22"/>
      <c r="O24" s="22"/>
    </row>
    <row r="25" spans="1:15" ht="14.25" customHeight="1">
      <c r="A25" s="71" t="s">
        <v>45</v>
      </c>
      <c r="B25" s="71"/>
      <c r="C25" s="71"/>
      <c r="D25" s="71"/>
      <c r="E25" s="71"/>
      <c r="J25" s="22"/>
      <c r="K25" s="22"/>
      <c r="L25" s="22"/>
      <c r="M25" s="22"/>
      <c r="N25" s="22"/>
    </row>
    <row r="26" spans="1:15">
      <c r="A26" s="81"/>
      <c r="B26" s="81"/>
      <c r="C26" s="81"/>
      <c r="D26" s="81"/>
      <c r="E26" s="81"/>
    </row>
  </sheetData>
  <mergeCells count="14">
    <mergeCell ref="A25:E26"/>
    <mergeCell ref="A9:A10"/>
    <mergeCell ref="A1:E1"/>
    <mergeCell ref="A3:A4"/>
    <mergeCell ref="B3:E3"/>
    <mergeCell ref="A5:A6"/>
    <mergeCell ref="A7:A8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6"/>
  <dimension ref="A1:N33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.625" style="18" customWidth="1"/>
    <col min="8" max="16384" width="9" style="18"/>
  </cols>
  <sheetData>
    <row r="1" spans="1:14">
      <c r="A1" s="70" t="s">
        <v>351</v>
      </c>
      <c r="B1" s="70"/>
      <c r="C1" s="70"/>
    </row>
    <row r="2" spans="1:14">
      <c r="A2" s="121" t="s">
        <v>613</v>
      </c>
      <c r="B2" s="36"/>
      <c r="C2" s="36"/>
    </row>
    <row r="3" spans="1:14" ht="57.75" customHeight="1">
      <c r="A3" s="75" t="s">
        <v>142</v>
      </c>
      <c r="B3" s="82" t="s">
        <v>306</v>
      </c>
      <c r="C3" s="82"/>
      <c r="D3" s="82" t="s">
        <v>158</v>
      </c>
      <c r="E3" s="82"/>
      <c r="F3" s="82" t="s">
        <v>159</v>
      </c>
      <c r="G3" s="82"/>
    </row>
    <row r="4" spans="1:14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132</v>
      </c>
      <c r="B5" s="20">
        <v>188</v>
      </c>
      <c r="C5" s="20">
        <v>521</v>
      </c>
      <c r="D5" s="20">
        <v>384</v>
      </c>
      <c r="E5" s="20">
        <v>325</v>
      </c>
      <c r="F5" s="20">
        <v>114</v>
      </c>
      <c r="G5" s="20">
        <v>595</v>
      </c>
    </row>
    <row r="6" spans="1:14">
      <c r="A6" s="75"/>
      <c r="B6" s="21">
        <v>0.26500000000000001</v>
      </c>
      <c r="C6" s="21">
        <v>0.73499999999999999</v>
      </c>
      <c r="D6" s="21">
        <v>0.54200000000000004</v>
      </c>
      <c r="E6" s="21">
        <v>0.45800000000000002</v>
      </c>
      <c r="F6" s="21">
        <v>0.161</v>
      </c>
      <c r="G6" s="21">
        <v>0.83899999999999997</v>
      </c>
    </row>
    <row r="7" spans="1:14" s="23" customFormat="1">
      <c r="A7" s="75" t="s">
        <v>133</v>
      </c>
      <c r="B7" s="20">
        <v>771</v>
      </c>
      <c r="C7" s="20">
        <v>2270</v>
      </c>
      <c r="D7" s="20">
        <v>1766</v>
      </c>
      <c r="E7" s="20">
        <v>1275</v>
      </c>
      <c r="F7" s="20">
        <v>374</v>
      </c>
      <c r="G7" s="20">
        <v>2667</v>
      </c>
    </row>
    <row r="8" spans="1:14">
      <c r="A8" s="83"/>
      <c r="B8" s="21">
        <v>0.254</v>
      </c>
      <c r="C8" s="21">
        <v>0.746</v>
      </c>
      <c r="D8" s="21">
        <v>0.58099999999999996</v>
      </c>
      <c r="E8" s="21">
        <v>0.41899999999999998</v>
      </c>
      <c r="F8" s="21">
        <v>0.123</v>
      </c>
      <c r="G8" s="21">
        <v>0.877</v>
      </c>
    </row>
    <row r="9" spans="1:14" s="23" customFormat="1">
      <c r="A9" s="87" t="s">
        <v>134</v>
      </c>
      <c r="B9" s="20">
        <v>425</v>
      </c>
      <c r="C9" s="20">
        <v>1060</v>
      </c>
      <c r="D9" s="20">
        <v>796</v>
      </c>
      <c r="E9" s="20">
        <v>689</v>
      </c>
      <c r="F9" s="20">
        <v>175</v>
      </c>
      <c r="G9" s="20">
        <v>1310</v>
      </c>
    </row>
    <row r="10" spans="1:14">
      <c r="A10" s="88"/>
      <c r="B10" s="21">
        <v>0.28599999999999998</v>
      </c>
      <c r="C10" s="21">
        <v>0.71399999999999997</v>
      </c>
      <c r="D10" s="21">
        <v>0.53600000000000003</v>
      </c>
      <c r="E10" s="21">
        <v>0.46400000000000002</v>
      </c>
      <c r="F10" s="21">
        <v>0.11799999999999999</v>
      </c>
      <c r="G10" s="21">
        <v>0.88200000000000001</v>
      </c>
    </row>
    <row r="11" spans="1:14" s="23" customFormat="1">
      <c r="A11" s="87" t="s">
        <v>135</v>
      </c>
      <c r="B11" s="20">
        <v>131</v>
      </c>
      <c r="C11" s="20">
        <v>254</v>
      </c>
      <c r="D11" s="20">
        <v>178</v>
      </c>
      <c r="E11" s="20">
        <v>207</v>
      </c>
      <c r="F11" s="20">
        <v>40</v>
      </c>
      <c r="G11" s="20">
        <v>345</v>
      </c>
    </row>
    <row r="12" spans="1:14">
      <c r="A12" s="88"/>
      <c r="B12" s="21">
        <v>0.34</v>
      </c>
      <c r="C12" s="21">
        <v>0.66</v>
      </c>
      <c r="D12" s="21">
        <v>0.46200000000000002</v>
      </c>
      <c r="E12" s="21">
        <v>0.53800000000000003</v>
      </c>
      <c r="F12" s="21">
        <v>0.104</v>
      </c>
      <c r="G12" s="21">
        <v>0.89600000000000002</v>
      </c>
    </row>
    <row r="13" spans="1:14">
      <c r="A13" s="75" t="s">
        <v>22</v>
      </c>
      <c r="B13" s="24">
        <v>13</v>
      </c>
      <c r="C13" s="24">
        <v>34</v>
      </c>
      <c r="D13" s="24">
        <v>24</v>
      </c>
      <c r="E13" s="24">
        <v>23</v>
      </c>
      <c r="F13" s="24">
        <v>3</v>
      </c>
      <c r="G13" s="24">
        <v>44</v>
      </c>
      <c r="H13" s="22"/>
      <c r="I13" s="22"/>
      <c r="J13" s="22"/>
      <c r="K13" s="22"/>
      <c r="L13" s="22"/>
      <c r="M13" s="22"/>
      <c r="N13" s="22"/>
    </row>
    <row r="14" spans="1:14">
      <c r="A14" s="83"/>
      <c r="B14" s="21">
        <v>0.27700000000000002</v>
      </c>
      <c r="C14" s="21">
        <v>0.72299999999999998</v>
      </c>
      <c r="D14" s="21">
        <v>0.51100000000000001</v>
      </c>
      <c r="E14" s="21">
        <v>0.48899999999999999</v>
      </c>
      <c r="F14" s="21">
        <v>6.4000000000000001E-2</v>
      </c>
      <c r="G14" s="21">
        <v>0.93600000000000005</v>
      </c>
    </row>
    <row r="15" spans="1:14" s="23" customFormat="1">
      <c r="A15" s="75" t="s">
        <v>15</v>
      </c>
      <c r="B15" s="20">
        <v>1528</v>
      </c>
      <c r="C15" s="20">
        <v>4139</v>
      </c>
      <c r="D15" s="20">
        <v>3148</v>
      </c>
      <c r="E15" s="20">
        <v>2519</v>
      </c>
      <c r="F15" s="20">
        <v>706</v>
      </c>
      <c r="G15" s="20">
        <v>4961</v>
      </c>
    </row>
    <row r="16" spans="1:14">
      <c r="A16" s="83"/>
      <c r="B16" s="21">
        <v>0.27</v>
      </c>
      <c r="C16" s="21">
        <v>0.73</v>
      </c>
      <c r="D16" s="21">
        <v>0.55500000000000005</v>
      </c>
      <c r="E16" s="21">
        <v>0.44500000000000001</v>
      </c>
      <c r="F16" s="21">
        <v>0.125</v>
      </c>
      <c r="G16" s="21">
        <v>0.875</v>
      </c>
    </row>
    <row r="17" spans="1:14">
      <c r="B17" s="39"/>
      <c r="C17" s="39"/>
      <c r="D17" s="39"/>
      <c r="E17" s="39"/>
      <c r="F17" s="39"/>
      <c r="G17" s="39"/>
      <c r="H17" s="22"/>
      <c r="I17" s="22"/>
      <c r="J17" s="22"/>
      <c r="K17" s="22"/>
      <c r="L17" s="22"/>
      <c r="M17" s="22"/>
      <c r="N17" s="22"/>
    </row>
    <row r="18" spans="1:14" ht="30.75" customHeight="1">
      <c r="A18" s="75" t="s">
        <v>142</v>
      </c>
      <c r="B18" s="82" t="s">
        <v>160</v>
      </c>
      <c r="C18" s="82"/>
      <c r="D18" s="82" t="s">
        <v>161</v>
      </c>
      <c r="E18" s="82"/>
      <c r="F18" s="82" t="s">
        <v>162</v>
      </c>
      <c r="G18" s="82"/>
    </row>
    <row r="19" spans="1:14">
      <c r="A19" s="75"/>
      <c r="B19" s="11" t="s">
        <v>180</v>
      </c>
      <c r="C19" s="11" t="s">
        <v>181</v>
      </c>
      <c r="D19" s="11" t="s">
        <v>180</v>
      </c>
      <c r="E19" s="11" t="s">
        <v>181</v>
      </c>
      <c r="F19" s="11" t="s">
        <v>180</v>
      </c>
      <c r="G19" s="11" t="s">
        <v>181</v>
      </c>
    </row>
    <row r="20" spans="1:14">
      <c r="A20" s="75" t="s">
        <v>132</v>
      </c>
      <c r="B20" s="20">
        <v>170</v>
      </c>
      <c r="C20" s="20">
        <v>539</v>
      </c>
      <c r="D20" s="20">
        <v>16</v>
      </c>
      <c r="E20" s="20">
        <v>693</v>
      </c>
      <c r="F20" s="20">
        <v>45</v>
      </c>
      <c r="G20" s="20">
        <v>664</v>
      </c>
    </row>
    <row r="21" spans="1:14">
      <c r="A21" s="75"/>
      <c r="B21" s="21">
        <v>0.24</v>
      </c>
      <c r="C21" s="21">
        <v>0.76</v>
      </c>
      <c r="D21" s="21">
        <v>2.3E-2</v>
      </c>
      <c r="E21" s="21">
        <v>0.97699999999999998</v>
      </c>
      <c r="F21" s="21">
        <v>6.3E-2</v>
      </c>
      <c r="G21" s="21">
        <v>0.93700000000000006</v>
      </c>
    </row>
    <row r="22" spans="1:14">
      <c r="A22" s="75" t="s">
        <v>133</v>
      </c>
      <c r="B22" s="20">
        <v>711</v>
      </c>
      <c r="C22" s="20">
        <v>2330</v>
      </c>
      <c r="D22" s="20">
        <v>45</v>
      </c>
      <c r="E22" s="20">
        <v>2996</v>
      </c>
      <c r="F22" s="20">
        <v>171</v>
      </c>
      <c r="G22" s="20">
        <v>2870</v>
      </c>
    </row>
    <row r="23" spans="1:14">
      <c r="A23" s="83"/>
      <c r="B23" s="21">
        <v>0.23400000000000001</v>
      </c>
      <c r="C23" s="21">
        <v>0.76600000000000001</v>
      </c>
      <c r="D23" s="21">
        <v>1.4999999999999999E-2</v>
      </c>
      <c r="E23" s="21">
        <v>0.98499999999999999</v>
      </c>
      <c r="F23" s="21">
        <v>5.6000000000000001E-2</v>
      </c>
      <c r="G23" s="21">
        <v>0.94399999999999995</v>
      </c>
    </row>
    <row r="24" spans="1:14">
      <c r="A24" s="87" t="s">
        <v>134</v>
      </c>
      <c r="B24" s="20">
        <v>312</v>
      </c>
      <c r="C24" s="20">
        <v>1173</v>
      </c>
      <c r="D24" s="20">
        <v>15</v>
      </c>
      <c r="E24" s="20">
        <v>1470</v>
      </c>
      <c r="F24" s="20">
        <v>74</v>
      </c>
      <c r="G24" s="20">
        <v>1411</v>
      </c>
    </row>
    <row r="25" spans="1:14">
      <c r="A25" s="88"/>
      <c r="B25" s="21">
        <v>0.21</v>
      </c>
      <c r="C25" s="21">
        <v>0.79</v>
      </c>
      <c r="D25" s="21">
        <v>0.01</v>
      </c>
      <c r="E25" s="21">
        <v>0.99</v>
      </c>
      <c r="F25" s="21">
        <v>0.05</v>
      </c>
      <c r="G25" s="21">
        <v>0.95</v>
      </c>
    </row>
    <row r="26" spans="1:14">
      <c r="A26" s="87" t="s">
        <v>135</v>
      </c>
      <c r="B26" s="20">
        <v>51</v>
      </c>
      <c r="C26" s="20">
        <v>334</v>
      </c>
      <c r="D26" s="20">
        <v>5</v>
      </c>
      <c r="E26" s="20">
        <v>380</v>
      </c>
      <c r="F26" s="20">
        <v>11</v>
      </c>
      <c r="G26" s="20">
        <v>374</v>
      </c>
    </row>
    <row r="27" spans="1:14">
      <c r="A27" s="88"/>
      <c r="B27" s="21">
        <v>0.13200000000000001</v>
      </c>
      <c r="C27" s="21">
        <v>0.86799999999999999</v>
      </c>
      <c r="D27" s="21">
        <v>1.2999999999999999E-2</v>
      </c>
      <c r="E27" s="21">
        <v>0.98699999999999999</v>
      </c>
      <c r="F27" s="21">
        <v>2.9000000000000001E-2</v>
      </c>
      <c r="G27" s="21">
        <v>0.97099999999999997</v>
      </c>
    </row>
    <row r="28" spans="1:14">
      <c r="A28" s="75" t="s">
        <v>22</v>
      </c>
      <c r="B28" s="24">
        <v>5</v>
      </c>
      <c r="C28" s="24">
        <v>42</v>
      </c>
      <c r="D28" s="24">
        <v>0</v>
      </c>
      <c r="E28" s="24">
        <v>47</v>
      </c>
      <c r="F28" s="24">
        <v>2</v>
      </c>
      <c r="G28" s="24">
        <v>45</v>
      </c>
    </row>
    <row r="29" spans="1:14">
      <c r="A29" s="83"/>
      <c r="B29" s="21">
        <v>0.106</v>
      </c>
      <c r="C29" s="21">
        <v>0.89400000000000002</v>
      </c>
      <c r="D29" s="21">
        <v>0</v>
      </c>
      <c r="E29" s="21">
        <v>1</v>
      </c>
      <c r="F29" s="21">
        <v>4.2999999999999997E-2</v>
      </c>
      <c r="G29" s="21">
        <v>0.95699999999999996</v>
      </c>
    </row>
    <row r="30" spans="1:14">
      <c r="A30" s="75" t="s">
        <v>15</v>
      </c>
      <c r="B30" s="20">
        <v>1249</v>
      </c>
      <c r="C30" s="20">
        <v>4418</v>
      </c>
      <c r="D30" s="20">
        <v>81</v>
      </c>
      <c r="E30" s="20">
        <v>5586</v>
      </c>
      <c r="F30" s="20">
        <v>303</v>
      </c>
      <c r="G30" s="20">
        <v>5364</v>
      </c>
    </row>
    <row r="31" spans="1:14">
      <c r="A31" s="83"/>
      <c r="B31" s="21">
        <v>0.22</v>
      </c>
      <c r="C31" s="21">
        <v>0.78</v>
      </c>
      <c r="D31" s="21">
        <v>1.4E-2</v>
      </c>
      <c r="E31" s="21">
        <v>0.98599999999999999</v>
      </c>
      <c r="F31" s="21">
        <v>5.2999999999999999E-2</v>
      </c>
      <c r="G31" s="21">
        <v>0.94699999999999995</v>
      </c>
    </row>
    <row r="32" spans="1:14">
      <c r="A32" s="71" t="s">
        <v>302</v>
      </c>
      <c r="B32" s="71"/>
      <c r="C32" s="71"/>
      <c r="D32" s="71"/>
      <c r="E32" s="71"/>
      <c r="F32" s="71"/>
      <c r="G32" s="71"/>
    </row>
    <row r="33" spans="1:7">
      <c r="A33" s="81"/>
      <c r="B33" s="81"/>
      <c r="C33" s="81"/>
      <c r="D33" s="81"/>
      <c r="E33" s="81"/>
      <c r="F33" s="81"/>
      <c r="G33" s="81"/>
    </row>
  </sheetData>
  <mergeCells count="22">
    <mergeCell ref="A1:C1"/>
    <mergeCell ref="A3:A4"/>
    <mergeCell ref="B3:C3"/>
    <mergeCell ref="D3:E3"/>
    <mergeCell ref="F3:G3"/>
    <mergeCell ref="A13:A14"/>
    <mergeCell ref="A15:A16"/>
    <mergeCell ref="D18:E18"/>
    <mergeCell ref="A5:A6"/>
    <mergeCell ref="A7:A8"/>
    <mergeCell ref="A9:A10"/>
    <mergeCell ref="A11:A12"/>
    <mergeCell ref="B18:C18"/>
    <mergeCell ref="A18:A19"/>
    <mergeCell ref="A30:A31"/>
    <mergeCell ref="F18:G18"/>
    <mergeCell ref="A32:G33"/>
    <mergeCell ref="A20:A21"/>
    <mergeCell ref="A22:A23"/>
    <mergeCell ref="A24:A25"/>
    <mergeCell ref="A26:A27"/>
    <mergeCell ref="A28:A29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3"/>
  <dimension ref="A1:N35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.625" style="18" customWidth="1"/>
    <col min="8" max="16384" width="9" style="18"/>
  </cols>
  <sheetData>
    <row r="1" spans="1:14">
      <c r="A1" s="36" t="s">
        <v>352</v>
      </c>
    </row>
    <row r="2" spans="1:14">
      <c r="A2" s="121" t="s">
        <v>613</v>
      </c>
    </row>
    <row r="3" spans="1:14" ht="30.75" customHeight="1">
      <c r="A3" s="75" t="s">
        <v>142</v>
      </c>
      <c r="B3" s="82" t="s">
        <v>163</v>
      </c>
      <c r="C3" s="82"/>
      <c r="D3" s="82" t="s">
        <v>164</v>
      </c>
      <c r="E3" s="82"/>
      <c r="F3" s="82" t="s">
        <v>165</v>
      </c>
      <c r="G3" s="82"/>
    </row>
    <row r="4" spans="1:14">
      <c r="A4" s="75"/>
      <c r="B4" s="11" t="s">
        <v>180</v>
      </c>
      <c r="C4" s="11" t="s">
        <v>181</v>
      </c>
      <c r="D4" s="11" t="s">
        <v>180</v>
      </c>
      <c r="E4" s="11" t="s">
        <v>181</v>
      </c>
      <c r="F4" s="11" t="s">
        <v>180</v>
      </c>
      <c r="G4" s="11" t="s">
        <v>181</v>
      </c>
    </row>
    <row r="5" spans="1:14">
      <c r="A5" s="75" t="s">
        <v>132</v>
      </c>
      <c r="B5" s="20">
        <v>126</v>
      </c>
      <c r="C5" s="20">
        <v>583</v>
      </c>
      <c r="D5" s="20">
        <v>29</v>
      </c>
      <c r="E5" s="20">
        <v>680</v>
      </c>
      <c r="F5" s="20">
        <v>121</v>
      </c>
      <c r="G5" s="20">
        <v>588</v>
      </c>
    </row>
    <row r="6" spans="1:14">
      <c r="A6" s="75"/>
      <c r="B6" s="21">
        <v>0.17799999999999999</v>
      </c>
      <c r="C6" s="21">
        <v>0.82199999999999995</v>
      </c>
      <c r="D6" s="21">
        <v>4.1000000000000002E-2</v>
      </c>
      <c r="E6" s="21">
        <v>0.95899999999999996</v>
      </c>
      <c r="F6" s="21">
        <v>0.17100000000000001</v>
      </c>
      <c r="G6" s="21">
        <v>0.82899999999999996</v>
      </c>
    </row>
    <row r="7" spans="1:14" s="23" customFormat="1">
      <c r="A7" s="75" t="s">
        <v>133</v>
      </c>
      <c r="B7" s="20">
        <v>553</v>
      </c>
      <c r="C7" s="20">
        <v>2488</v>
      </c>
      <c r="D7" s="20">
        <v>89</v>
      </c>
      <c r="E7" s="20">
        <v>2952</v>
      </c>
      <c r="F7" s="20">
        <v>505</v>
      </c>
      <c r="G7" s="20">
        <v>2536</v>
      </c>
    </row>
    <row r="8" spans="1:14">
      <c r="A8" s="83"/>
      <c r="B8" s="21">
        <v>0.182</v>
      </c>
      <c r="C8" s="21">
        <v>0.81799999999999995</v>
      </c>
      <c r="D8" s="21">
        <v>2.9000000000000001E-2</v>
      </c>
      <c r="E8" s="21">
        <v>0.97099999999999997</v>
      </c>
      <c r="F8" s="21">
        <v>0.16600000000000001</v>
      </c>
      <c r="G8" s="21">
        <v>0.83399999999999996</v>
      </c>
    </row>
    <row r="9" spans="1:14" s="23" customFormat="1">
      <c r="A9" s="87" t="s">
        <v>134</v>
      </c>
      <c r="B9" s="20">
        <v>321</v>
      </c>
      <c r="C9" s="20">
        <v>1164</v>
      </c>
      <c r="D9" s="20">
        <v>52</v>
      </c>
      <c r="E9" s="20">
        <v>1433</v>
      </c>
      <c r="F9" s="20">
        <v>178</v>
      </c>
      <c r="G9" s="20">
        <v>1307</v>
      </c>
    </row>
    <row r="10" spans="1:14">
      <c r="A10" s="88"/>
      <c r="B10" s="21">
        <v>0.216</v>
      </c>
      <c r="C10" s="21">
        <v>0.78400000000000003</v>
      </c>
      <c r="D10" s="21">
        <v>3.5000000000000003E-2</v>
      </c>
      <c r="E10" s="21">
        <v>0.96499999999999997</v>
      </c>
      <c r="F10" s="21">
        <v>0.12</v>
      </c>
      <c r="G10" s="21">
        <v>0.88</v>
      </c>
    </row>
    <row r="11" spans="1:14" s="23" customFormat="1">
      <c r="A11" s="87" t="s">
        <v>135</v>
      </c>
      <c r="B11" s="20">
        <v>84</v>
      </c>
      <c r="C11" s="20">
        <v>301</v>
      </c>
      <c r="D11" s="20">
        <v>14</v>
      </c>
      <c r="E11" s="20">
        <v>371</v>
      </c>
      <c r="F11" s="20">
        <v>37</v>
      </c>
      <c r="G11" s="20">
        <v>348</v>
      </c>
    </row>
    <row r="12" spans="1:14">
      <c r="A12" s="88"/>
      <c r="B12" s="21">
        <v>0.218</v>
      </c>
      <c r="C12" s="21">
        <v>0.78200000000000003</v>
      </c>
      <c r="D12" s="21">
        <v>3.5999999999999997E-2</v>
      </c>
      <c r="E12" s="21">
        <v>0.96399999999999997</v>
      </c>
      <c r="F12" s="21">
        <v>9.6000000000000002E-2</v>
      </c>
      <c r="G12" s="21">
        <v>0.90400000000000003</v>
      </c>
    </row>
    <row r="13" spans="1:14">
      <c r="A13" s="75" t="s">
        <v>22</v>
      </c>
      <c r="B13" s="24">
        <v>9</v>
      </c>
      <c r="C13" s="24">
        <v>38</v>
      </c>
      <c r="D13" s="24">
        <v>3</v>
      </c>
      <c r="E13" s="24">
        <v>44</v>
      </c>
      <c r="F13" s="24">
        <v>7</v>
      </c>
      <c r="G13" s="24">
        <v>40</v>
      </c>
      <c r="H13" s="22"/>
      <c r="I13" s="22"/>
      <c r="J13" s="22"/>
      <c r="K13" s="22"/>
      <c r="L13" s="22"/>
      <c r="M13" s="22"/>
      <c r="N13" s="22"/>
    </row>
    <row r="14" spans="1:14">
      <c r="A14" s="83"/>
      <c r="B14" s="21">
        <v>0.191</v>
      </c>
      <c r="C14" s="21">
        <v>0.80900000000000005</v>
      </c>
      <c r="D14" s="21">
        <v>6.4000000000000001E-2</v>
      </c>
      <c r="E14" s="21">
        <v>0.93600000000000005</v>
      </c>
      <c r="F14" s="21">
        <v>0.14899999999999999</v>
      </c>
      <c r="G14" s="21">
        <v>0.85099999999999998</v>
      </c>
    </row>
    <row r="15" spans="1:14" s="23" customFormat="1">
      <c r="A15" s="75" t="s">
        <v>15</v>
      </c>
      <c r="B15" s="20">
        <v>1093</v>
      </c>
      <c r="C15" s="20">
        <v>4574</v>
      </c>
      <c r="D15" s="20">
        <v>187</v>
      </c>
      <c r="E15" s="20">
        <v>5480</v>
      </c>
      <c r="F15" s="20">
        <v>848</v>
      </c>
      <c r="G15" s="20">
        <v>4819</v>
      </c>
    </row>
    <row r="16" spans="1:14">
      <c r="A16" s="83"/>
      <c r="B16" s="21">
        <v>0.193</v>
      </c>
      <c r="C16" s="21">
        <v>0.80700000000000005</v>
      </c>
      <c r="D16" s="21">
        <v>3.3000000000000002E-2</v>
      </c>
      <c r="E16" s="21">
        <v>0.96699999999999997</v>
      </c>
      <c r="F16" s="21">
        <v>0.15</v>
      </c>
      <c r="G16" s="21">
        <v>0.85</v>
      </c>
    </row>
    <row r="17" spans="1:14">
      <c r="B17" s="39"/>
      <c r="C17" s="39"/>
      <c r="D17" s="39"/>
      <c r="E17" s="39"/>
      <c r="F17" s="39"/>
      <c r="G17" s="39"/>
      <c r="H17" s="22"/>
      <c r="I17" s="22"/>
      <c r="J17" s="22"/>
      <c r="K17" s="22"/>
      <c r="L17" s="22"/>
      <c r="M17" s="22"/>
      <c r="N17" s="22"/>
    </row>
    <row r="18" spans="1:14" ht="30" customHeight="1">
      <c r="A18" s="75" t="s">
        <v>142</v>
      </c>
      <c r="B18" s="82" t="s">
        <v>166</v>
      </c>
      <c r="C18" s="82"/>
    </row>
    <row r="19" spans="1:14">
      <c r="A19" s="75"/>
      <c r="B19" s="11" t="s">
        <v>180</v>
      </c>
      <c r="C19" s="11" t="s">
        <v>181</v>
      </c>
    </row>
    <row r="20" spans="1:14">
      <c r="A20" s="75" t="s">
        <v>132</v>
      </c>
      <c r="B20" s="20">
        <v>25</v>
      </c>
      <c r="C20" s="20">
        <v>684</v>
      </c>
    </row>
    <row r="21" spans="1:14">
      <c r="A21" s="75"/>
      <c r="B21" s="21">
        <v>3.5000000000000003E-2</v>
      </c>
      <c r="C21" s="21">
        <v>0.96499999999999997</v>
      </c>
    </row>
    <row r="22" spans="1:14">
      <c r="A22" s="75" t="s">
        <v>133</v>
      </c>
      <c r="B22" s="20">
        <v>73</v>
      </c>
      <c r="C22" s="20">
        <v>2968</v>
      </c>
    </row>
    <row r="23" spans="1:14">
      <c r="A23" s="83"/>
      <c r="B23" s="21">
        <v>2.4E-2</v>
      </c>
      <c r="C23" s="21">
        <v>0.97599999999999998</v>
      </c>
    </row>
    <row r="24" spans="1:14">
      <c r="A24" s="87" t="s">
        <v>134</v>
      </c>
      <c r="B24" s="20">
        <v>29</v>
      </c>
      <c r="C24" s="20">
        <v>1456</v>
      </c>
    </row>
    <row r="25" spans="1:14">
      <c r="A25" s="88"/>
      <c r="B25" s="21">
        <v>0.02</v>
      </c>
      <c r="C25" s="21">
        <v>0.98</v>
      </c>
    </row>
    <row r="26" spans="1:14">
      <c r="A26" s="87" t="s">
        <v>135</v>
      </c>
      <c r="B26" s="20">
        <v>4</v>
      </c>
      <c r="C26" s="20">
        <v>381</v>
      </c>
    </row>
    <row r="27" spans="1:14">
      <c r="A27" s="88"/>
      <c r="B27" s="21">
        <v>0.01</v>
      </c>
      <c r="C27" s="21">
        <v>0.99</v>
      </c>
    </row>
    <row r="28" spans="1:14">
      <c r="A28" s="75" t="s">
        <v>22</v>
      </c>
      <c r="B28" s="24">
        <v>0</v>
      </c>
      <c r="C28" s="24">
        <v>47</v>
      </c>
    </row>
    <row r="29" spans="1:14">
      <c r="A29" s="83"/>
      <c r="B29" s="21">
        <v>0</v>
      </c>
      <c r="C29" s="21">
        <v>1</v>
      </c>
    </row>
    <row r="30" spans="1:14">
      <c r="A30" s="75" t="s">
        <v>15</v>
      </c>
      <c r="B30" s="20">
        <v>131</v>
      </c>
      <c r="C30" s="20">
        <v>5536</v>
      </c>
    </row>
    <row r="31" spans="1:14">
      <c r="A31" s="83"/>
      <c r="B31" s="21">
        <v>2.3E-2</v>
      </c>
      <c r="C31" s="21">
        <v>0.97699999999999998</v>
      </c>
    </row>
    <row r="32" spans="1:14" ht="14.1" customHeight="1">
      <c r="A32" s="71" t="s">
        <v>586</v>
      </c>
      <c r="B32" s="71"/>
      <c r="C32" s="71"/>
      <c r="D32" s="35"/>
      <c r="E32" s="35"/>
      <c r="F32" s="35"/>
      <c r="G32" s="35"/>
    </row>
    <row r="33" spans="1:7">
      <c r="A33" s="81"/>
      <c r="B33" s="81"/>
      <c r="C33" s="81"/>
      <c r="D33" s="35"/>
      <c r="E33" s="35"/>
      <c r="F33" s="35"/>
      <c r="G33" s="35"/>
    </row>
    <row r="34" spans="1:7">
      <c r="A34" s="81"/>
      <c r="B34" s="81"/>
      <c r="C34" s="81"/>
      <c r="D34" s="35"/>
      <c r="E34" s="35"/>
      <c r="F34" s="35"/>
      <c r="G34" s="35"/>
    </row>
    <row r="35" spans="1:7">
      <c r="A35" s="81"/>
      <c r="B35" s="81"/>
      <c r="C35" s="81"/>
      <c r="D35" s="35"/>
      <c r="E35" s="35"/>
      <c r="F35" s="35"/>
      <c r="G35" s="35"/>
    </row>
  </sheetData>
  <mergeCells count="19">
    <mergeCell ref="A15:A16"/>
    <mergeCell ref="B18:C18"/>
    <mergeCell ref="A5:A6"/>
    <mergeCell ref="A7:A8"/>
    <mergeCell ref="A9:A10"/>
    <mergeCell ref="A11:A12"/>
    <mergeCell ref="A32:C35"/>
    <mergeCell ref="F3:G3"/>
    <mergeCell ref="A3:A4"/>
    <mergeCell ref="B3:C3"/>
    <mergeCell ref="D3:E3"/>
    <mergeCell ref="A13:A14"/>
    <mergeCell ref="A28:A29"/>
    <mergeCell ref="A30:A31"/>
    <mergeCell ref="A18:A19"/>
    <mergeCell ref="A20:A21"/>
    <mergeCell ref="A22:A23"/>
    <mergeCell ref="A24:A25"/>
    <mergeCell ref="A26:A27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0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5" width="8.875" style="18" customWidth="1"/>
    <col min="6" max="16384" width="9" style="18"/>
  </cols>
  <sheetData>
    <row r="1" spans="1:16">
      <c r="A1" s="70" t="s">
        <v>353</v>
      </c>
      <c r="B1" s="70"/>
      <c r="C1" s="70"/>
      <c r="D1" s="70"/>
      <c r="E1" s="70"/>
    </row>
    <row r="2" spans="1:16">
      <c r="A2" s="121" t="s">
        <v>613</v>
      </c>
      <c r="B2" s="36"/>
      <c r="C2" s="36"/>
      <c r="D2" s="36"/>
      <c r="E2" s="36"/>
    </row>
    <row r="3" spans="1:16">
      <c r="A3" s="75" t="s">
        <v>142</v>
      </c>
      <c r="B3" s="76" t="s">
        <v>88</v>
      </c>
      <c r="C3" s="76"/>
      <c r="D3" s="76"/>
      <c r="E3" s="76"/>
    </row>
    <row r="4" spans="1:16" ht="28.5">
      <c r="A4" s="75"/>
      <c r="B4" s="11" t="s">
        <v>193</v>
      </c>
      <c r="C4" s="11" t="s">
        <v>194</v>
      </c>
      <c r="D4" s="11" t="s">
        <v>22</v>
      </c>
      <c r="E4" s="11" t="s">
        <v>15</v>
      </c>
    </row>
    <row r="5" spans="1:16">
      <c r="A5" s="73" t="s">
        <v>138</v>
      </c>
      <c r="B5" s="20">
        <v>523</v>
      </c>
      <c r="C5" s="20">
        <v>220</v>
      </c>
      <c r="D5" s="20">
        <v>3</v>
      </c>
      <c r="E5" s="20">
        <v>746</v>
      </c>
    </row>
    <row r="6" spans="1:16">
      <c r="A6" s="77"/>
      <c r="B6" s="21">
        <v>0.70099999999999996</v>
      </c>
      <c r="C6" s="21">
        <v>0.29499999999999998</v>
      </c>
      <c r="D6" s="21">
        <v>4.0000000000000001E-3</v>
      </c>
      <c r="E6" s="21">
        <v>1</v>
      </c>
      <c r="J6" s="22"/>
      <c r="K6" s="22"/>
      <c r="L6" s="22"/>
      <c r="M6" s="22"/>
      <c r="N6" s="22"/>
      <c r="O6" s="22"/>
      <c r="P6" s="22"/>
    </row>
    <row r="7" spans="1:16" s="23" customFormat="1">
      <c r="A7" s="73" t="s">
        <v>139</v>
      </c>
      <c r="B7" s="20">
        <v>2207</v>
      </c>
      <c r="C7" s="20">
        <v>1018</v>
      </c>
      <c r="D7" s="20">
        <v>9</v>
      </c>
      <c r="E7" s="20">
        <v>3234</v>
      </c>
    </row>
    <row r="8" spans="1:16">
      <c r="A8" s="74"/>
      <c r="B8" s="21">
        <v>0.68200000000000005</v>
      </c>
      <c r="C8" s="21">
        <v>0.315</v>
      </c>
      <c r="D8" s="21">
        <v>3.0000000000000001E-3</v>
      </c>
      <c r="E8" s="21">
        <v>1</v>
      </c>
      <c r="J8" s="22"/>
      <c r="K8" s="22"/>
      <c r="L8" s="22"/>
      <c r="M8" s="22"/>
      <c r="N8" s="22"/>
      <c r="O8" s="22"/>
      <c r="P8" s="22"/>
    </row>
    <row r="9" spans="1:16" s="23" customFormat="1">
      <c r="A9" s="73" t="s">
        <v>140</v>
      </c>
      <c r="B9" s="20">
        <v>1000</v>
      </c>
      <c r="C9" s="20">
        <v>602</v>
      </c>
      <c r="D9" s="20">
        <v>5</v>
      </c>
      <c r="E9" s="20">
        <v>1607</v>
      </c>
    </row>
    <row r="10" spans="1:16">
      <c r="A10" s="74"/>
      <c r="B10" s="21">
        <v>0.622</v>
      </c>
      <c r="C10" s="21">
        <v>0.375</v>
      </c>
      <c r="D10" s="21">
        <v>3.0000000000000001E-3</v>
      </c>
      <c r="E10" s="21">
        <v>1</v>
      </c>
      <c r="J10" s="22"/>
      <c r="K10" s="22"/>
      <c r="L10" s="22"/>
      <c r="M10" s="22"/>
      <c r="N10" s="22"/>
      <c r="O10" s="22"/>
      <c r="P10" s="22"/>
    </row>
    <row r="11" spans="1:16">
      <c r="A11" s="78" t="s">
        <v>141</v>
      </c>
      <c r="B11" s="24">
        <v>242</v>
      </c>
      <c r="C11" s="24">
        <v>186</v>
      </c>
      <c r="D11" s="24">
        <v>3</v>
      </c>
      <c r="E11" s="24">
        <v>431</v>
      </c>
      <c r="J11" s="22"/>
      <c r="K11" s="22"/>
      <c r="L11" s="22"/>
      <c r="M11" s="22"/>
      <c r="N11" s="22"/>
    </row>
    <row r="12" spans="1:16">
      <c r="A12" s="79"/>
      <c r="B12" s="21">
        <v>0.56100000000000005</v>
      </c>
      <c r="C12" s="21">
        <v>0.432</v>
      </c>
      <c r="D12" s="21">
        <v>7.0000000000000001E-3</v>
      </c>
      <c r="E12" s="21">
        <v>1</v>
      </c>
      <c r="J12" s="22"/>
      <c r="K12" s="22"/>
      <c r="L12" s="22"/>
      <c r="M12" s="22"/>
      <c r="N12" s="22"/>
      <c r="O12" s="22"/>
      <c r="P12" s="22"/>
    </row>
    <row r="13" spans="1:16">
      <c r="A13" s="73" t="s">
        <v>22</v>
      </c>
      <c r="B13" s="24">
        <v>33</v>
      </c>
      <c r="C13" s="24">
        <v>19</v>
      </c>
      <c r="D13" s="24">
        <v>0</v>
      </c>
      <c r="E13" s="24">
        <v>52</v>
      </c>
      <c r="J13" s="22"/>
      <c r="K13" s="22"/>
      <c r="L13" s="22"/>
      <c r="M13" s="22"/>
      <c r="N13" s="22"/>
    </row>
    <row r="14" spans="1:16">
      <c r="A14" s="74"/>
      <c r="B14" s="21">
        <v>0.63500000000000001</v>
      </c>
      <c r="C14" s="21">
        <v>0.36499999999999999</v>
      </c>
      <c r="D14" s="21">
        <v>0</v>
      </c>
      <c r="E14" s="21">
        <v>1</v>
      </c>
      <c r="J14" s="22"/>
      <c r="K14" s="22"/>
      <c r="L14" s="22"/>
      <c r="M14" s="22"/>
      <c r="N14" s="22"/>
      <c r="O14" s="22"/>
      <c r="P14" s="22"/>
    </row>
    <row r="15" spans="1:16" s="23" customFormat="1">
      <c r="A15" s="73" t="s">
        <v>15</v>
      </c>
      <c r="B15" s="20">
        <v>4005</v>
      </c>
      <c r="C15" s="20">
        <v>2045</v>
      </c>
      <c r="D15" s="20">
        <v>20</v>
      </c>
      <c r="E15" s="20">
        <v>6070</v>
      </c>
    </row>
    <row r="16" spans="1:16">
      <c r="A16" s="74"/>
      <c r="B16" s="21">
        <v>0.66</v>
      </c>
      <c r="C16" s="21">
        <v>0.33700000000000002</v>
      </c>
      <c r="D16" s="21">
        <v>3.0000000000000001E-3</v>
      </c>
      <c r="E16" s="21">
        <v>1</v>
      </c>
      <c r="J16" s="22"/>
      <c r="K16" s="22"/>
      <c r="L16" s="22"/>
      <c r="M16" s="22"/>
      <c r="N16" s="22"/>
      <c r="O16" s="22"/>
      <c r="P16" s="22"/>
    </row>
    <row r="17" spans="1:14" ht="14.25" customHeight="1">
      <c r="A17" s="71" t="s">
        <v>225</v>
      </c>
      <c r="B17" s="71"/>
      <c r="C17" s="71"/>
      <c r="D17" s="71"/>
      <c r="E17" s="71"/>
      <c r="J17" s="22"/>
      <c r="K17" s="22"/>
      <c r="L17" s="22"/>
      <c r="M17" s="22"/>
      <c r="N17" s="22"/>
    </row>
    <row r="18" spans="1:14">
      <c r="A18" s="81"/>
      <c r="B18" s="81"/>
      <c r="C18" s="81"/>
      <c r="D18" s="81"/>
      <c r="E18" s="81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2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9" style="18" customWidth="1"/>
    <col min="8" max="16384" width="9" style="18"/>
  </cols>
  <sheetData>
    <row r="1" spans="1:18">
      <c r="A1" s="70" t="s">
        <v>354</v>
      </c>
      <c r="B1" s="70"/>
      <c r="C1" s="70"/>
      <c r="D1" s="70"/>
      <c r="E1" s="70"/>
      <c r="F1" s="70"/>
      <c r="G1" s="70"/>
    </row>
    <row r="2" spans="1:18">
      <c r="A2" s="121" t="s">
        <v>613</v>
      </c>
      <c r="B2" s="36"/>
      <c r="C2" s="36"/>
      <c r="D2" s="36"/>
      <c r="E2" s="36"/>
      <c r="F2" s="36"/>
      <c r="G2" s="36"/>
    </row>
    <row r="3" spans="1:18">
      <c r="A3" s="75" t="s">
        <v>142</v>
      </c>
      <c r="B3" s="76" t="s">
        <v>99</v>
      </c>
      <c r="C3" s="76"/>
      <c r="D3" s="76"/>
      <c r="E3" s="76"/>
      <c r="F3" s="76"/>
      <c r="G3" s="76"/>
    </row>
    <row r="4" spans="1:18" ht="28.5">
      <c r="A4" s="75"/>
      <c r="B4" s="11" t="s">
        <v>184</v>
      </c>
      <c r="C4" s="11" t="s">
        <v>150</v>
      </c>
      <c r="D4" s="11" t="s">
        <v>149</v>
      </c>
      <c r="E4" s="11" t="s">
        <v>97</v>
      </c>
      <c r="F4" s="11" t="s">
        <v>22</v>
      </c>
      <c r="G4" s="11" t="s">
        <v>15</v>
      </c>
    </row>
    <row r="5" spans="1:18">
      <c r="A5" s="73" t="s">
        <v>138</v>
      </c>
      <c r="B5" s="20">
        <v>52</v>
      </c>
      <c r="C5" s="20">
        <v>200</v>
      </c>
      <c r="D5" s="20">
        <v>232</v>
      </c>
      <c r="E5" s="20">
        <v>261</v>
      </c>
      <c r="F5" s="20">
        <v>1</v>
      </c>
      <c r="G5" s="20">
        <v>746</v>
      </c>
    </row>
    <row r="6" spans="1:18">
      <c r="A6" s="77"/>
      <c r="B6" s="21">
        <v>7.0000000000000007E-2</v>
      </c>
      <c r="C6" s="21">
        <v>0.26800000000000002</v>
      </c>
      <c r="D6" s="21">
        <v>0.311</v>
      </c>
      <c r="E6" s="21">
        <v>0.35</v>
      </c>
      <c r="F6" s="21">
        <v>1E-3</v>
      </c>
      <c r="G6" s="21">
        <v>1</v>
      </c>
      <c r="L6" s="22"/>
      <c r="M6" s="22"/>
      <c r="N6" s="22"/>
      <c r="O6" s="22"/>
      <c r="P6" s="22"/>
      <c r="Q6" s="22"/>
      <c r="R6" s="22"/>
    </row>
    <row r="7" spans="1:18" s="23" customFormat="1">
      <c r="A7" s="73" t="s">
        <v>139</v>
      </c>
      <c r="B7" s="20">
        <v>234</v>
      </c>
      <c r="C7" s="20">
        <v>763</v>
      </c>
      <c r="D7" s="20">
        <v>990</v>
      </c>
      <c r="E7" s="20">
        <v>1239</v>
      </c>
      <c r="F7" s="20">
        <v>8</v>
      </c>
      <c r="G7" s="20">
        <v>3234</v>
      </c>
    </row>
    <row r="8" spans="1:18">
      <c r="A8" s="74"/>
      <c r="B8" s="21">
        <v>7.1999999999999995E-2</v>
      </c>
      <c r="C8" s="21">
        <v>0.23599999999999999</v>
      </c>
      <c r="D8" s="21">
        <v>0.30599999999999999</v>
      </c>
      <c r="E8" s="21">
        <v>0.38300000000000001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</row>
    <row r="9" spans="1:18" s="23" customFormat="1">
      <c r="A9" s="73" t="s">
        <v>140</v>
      </c>
      <c r="B9" s="20">
        <v>111</v>
      </c>
      <c r="C9" s="20">
        <v>352</v>
      </c>
      <c r="D9" s="20">
        <v>476</v>
      </c>
      <c r="E9" s="20">
        <v>661</v>
      </c>
      <c r="F9" s="20">
        <v>7</v>
      </c>
      <c r="G9" s="20">
        <v>1607</v>
      </c>
    </row>
    <row r="10" spans="1:18">
      <c r="A10" s="74"/>
      <c r="B10" s="21">
        <v>6.9000000000000006E-2</v>
      </c>
      <c r="C10" s="21">
        <v>0.219</v>
      </c>
      <c r="D10" s="21">
        <v>0.29599999999999999</v>
      </c>
      <c r="E10" s="21">
        <v>0.41099999999999998</v>
      </c>
      <c r="F10" s="21">
        <v>4.0000000000000001E-3</v>
      </c>
      <c r="G10" s="21">
        <v>1</v>
      </c>
      <c r="L10" s="22"/>
      <c r="M10" s="22"/>
      <c r="N10" s="22"/>
      <c r="O10" s="22"/>
      <c r="P10" s="22"/>
      <c r="Q10" s="22"/>
      <c r="R10" s="22"/>
    </row>
    <row r="11" spans="1:18">
      <c r="A11" s="78" t="s">
        <v>141</v>
      </c>
      <c r="B11" s="24">
        <v>34</v>
      </c>
      <c r="C11" s="24">
        <v>97</v>
      </c>
      <c r="D11" s="24">
        <v>119</v>
      </c>
      <c r="E11" s="24">
        <v>178</v>
      </c>
      <c r="F11" s="24">
        <v>3</v>
      </c>
      <c r="G11" s="24">
        <v>431</v>
      </c>
      <c r="L11" s="22"/>
      <c r="M11" s="22"/>
      <c r="N11" s="22"/>
      <c r="O11" s="22"/>
      <c r="P11" s="22"/>
    </row>
    <row r="12" spans="1:18">
      <c r="A12" s="79"/>
      <c r="B12" s="21">
        <v>7.9000000000000001E-2</v>
      </c>
      <c r="C12" s="21">
        <v>0.22500000000000001</v>
      </c>
      <c r="D12" s="21">
        <v>0.27600000000000002</v>
      </c>
      <c r="E12" s="21">
        <v>0.41299999999999998</v>
      </c>
      <c r="F12" s="21">
        <v>7.0000000000000001E-3</v>
      </c>
      <c r="G12" s="21">
        <v>1</v>
      </c>
      <c r="L12" s="22"/>
      <c r="M12" s="22"/>
      <c r="N12" s="22"/>
      <c r="O12" s="22"/>
      <c r="P12" s="22"/>
      <c r="Q12" s="22"/>
      <c r="R12" s="22"/>
    </row>
    <row r="13" spans="1:18">
      <c r="A13" s="73" t="s">
        <v>22</v>
      </c>
      <c r="B13" s="24">
        <v>4</v>
      </c>
      <c r="C13" s="24">
        <v>12</v>
      </c>
      <c r="D13" s="24">
        <v>14</v>
      </c>
      <c r="E13" s="24">
        <v>22</v>
      </c>
      <c r="F13" s="24">
        <v>0</v>
      </c>
      <c r="G13" s="24">
        <v>52</v>
      </c>
      <c r="L13" s="22"/>
      <c r="M13" s="22"/>
      <c r="N13" s="22"/>
      <c r="O13" s="22"/>
      <c r="P13" s="22"/>
    </row>
    <row r="14" spans="1:18">
      <c r="A14" s="74"/>
      <c r="B14" s="21">
        <v>7.6999999999999999E-2</v>
      </c>
      <c r="C14" s="21">
        <v>0.23100000000000001</v>
      </c>
      <c r="D14" s="21">
        <v>0.26900000000000002</v>
      </c>
      <c r="E14" s="21">
        <v>0.42299999999999999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435</v>
      </c>
      <c r="C15" s="20">
        <v>1424</v>
      </c>
      <c r="D15" s="20">
        <v>1831</v>
      </c>
      <c r="E15" s="20">
        <v>2361</v>
      </c>
      <c r="F15" s="20">
        <v>19</v>
      </c>
      <c r="G15" s="20">
        <v>6070</v>
      </c>
    </row>
    <row r="16" spans="1:18">
      <c r="A16" s="74"/>
      <c r="B16" s="21">
        <v>7.1999999999999995E-2</v>
      </c>
      <c r="C16" s="21">
        <v>0.23499999999999999</v>
      </c>
      <c r="D16" s="21">
        <v>0.30199999999999999</v>
      </c>
      <c r="E16" s="21">
        <v>0.38900000000000001</v>
      </c>
      <c r="F16" s="21">
        <v>3.0000000000000001E-3</v>
      </c>
      <c r="G16" s="21">
        <v>1</v>
      </c>
      <c r="L16" s="22"/>
      <c r="M16" s="22"/>
      <c r="N16" s="22"/>
      <c r="O16" s="22"/>
      <c r="P16" s="22"/>
      <c r="Q16" s="22"/>
      <c r="R16" s="22"/>
    </row>
    <row r="17" spans="1:16" ht="14.25" customHeight="1">
      <c r="A17" s="71" t="s">
        <v>217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6">
      <c r="A18" s="81"/>
      <c r="B18" s="81"/>
      <c r="C18" s="81"/>
      <c r="D18" s="81"/>
      <c r="E18" s="81"/>
      <c r="F18" s="81"/>
      <c r="G18" s="81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3"/>
  <dimension ref="A1:Q19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8.875" style="18" customWidth="1"/>
    <col min="7" max="16384" width="9" style="18"/>
  </cols>
  <sheetData>
    <row r="1" spans="1:17">
      <c r="A1" s="70" t="s">
        <v>355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75" t="s">
        <v>142</v>
      </c>
      <c r="B3" s="76" t="s">
        <v>102</v>
      </c>
      <c r="C3" s="76"/>
      <c r="D3" s="76"/>
      <c r="E3" s="76"/>
      <c r="F3" s="76"/>
    </row>
    <row r="4" spans="1:17" ht="28.5">
      <c r="A4" s="75"/>
      <c r="B4" s="11" t="s">
        <v>43</v>
      </c>
      <c r="C4" s="11" t="s">
        <v>103</v>
      </c>
      <c r="D4" s="11" t="s">
        <v>44</v>
      </c>
      <c r="E4" s="11" t="s">
        <v>22</v>
      </c>
      <c r="F4" s="11" t="s">
        <v>15</v>
      </c>
    </row>
    <row r="5" spans="1:17">
      <c r="A5" s="73" t="s">
        <v>138</v>
      </c>
      <c r="B5" s="20">
        <v>67</v>
      </c>
      <c r="C5" s="20">
        <v>137</v>
      </c>
      <c r="D5" s="20">
        <v>538</v>
      </c>
      <c r="E5" s="20">
        <v>4</v>
      </c>
      <c r="F5" s="20">
        <v>746</v>
      </c>
    </row>
    <row r="6" spans="1:17">
      <c r="A6" s="77"/>
      <c r="B6" s="21">
        <v>0.09</v>
      </c>
      <c r="C6" s="21">
        <v>0.184</v>
      </c>
      <c r="D6" s="21">
        <v>0.72099999999999997</v>
      </c>
      <c r="E6" s="21">
        <v>5.0000000000000001E-3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39</v>
      </c>
      <c r="B7" s="20">
        <v>309</v>
      </c>
      <c r="C7" s="20">
        <v>623</v>
      </c>
      <c r="D7" s="20">
        <v>2283</v>
      </c>
      <c r="E7" s="20">
        <v>19</v>
      </c>
      <c r="F7" s="20">
        <v>3234</v>
      </c>
    </row>
    <row r="8" spans="1:17">
      <c r="A8" s="74"/>
      <c r="B8" s="21">
        <v>9.6000000000000002E-2</v>
      </c>
      <c r="C8" s="21">
        <v>0.193</v>
      </c>
      <c r="D8" s="21">
        <v>0.70599999999999996</v>
      </c>
      <c r="E8" s="21">
        <v>6.0000000000000001E-3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 s="23" customFormat="1">
      <c r="A9" s="73" t="s">
        <v>140</v>
      </c>
      <c r="B9" s="20">
        <v>164</v>
      </c>
      <c r="C9" s="20">
        <v>295</v>
      </c>
      <c r="D9" s="20">
        <v>1141</v>
      </c>
      <c r="E9" s="20">
        <v>7</v>
      </c>
      <c r="F9" s="20">
        <v>1607</v>
      </c>
    </row>
    <row r="10" spans="1:17">
      <c r="A10" s="74"/>
      <c r="B10" s="21">
        <v>0.10199999999999999</v>
      </c>
      <c r="C10" s="21">
        <v>0.184</v>
      </c>
      <c r="D10" s="21">
        <v>0.71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141</v>
      </c>
      <c r="B11" s="24">
        <v>48</v>
      </c>
      <c r="C11" s="24">
        <v>60</v>
      </c>
      <c r="D11" s="24">
        <v>319</v>
      </c>
      <c r="E11" s="24">
        <v>4</v>
      </c>
      <c r="F11" s="24">
        <v>431</v>
      </c>
      <c r="K11" s="22"/>
      <c r="L11" s="22"/>
      <c r="M11" s="22"/>
      <c r="N11" s="22"/>
      <c r="O11" s="22"/>
    </row>
    <row r="12" spans="1:17">
      <c r="A12" s="79"/>
      <c r="B12" s="21">
        <v>0.111</v>
      </c>
      <c r="C12" s="21">
        <v>0.13900000000000001</v>
      </c>
      <c r="D12" s="21">
        <v>0.74</v>
      </c>
      <c r="E12" s="21">
        <v>8.9999999999999993E-3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5</v>
      </c>
      <c r="C13" s="24">
        <v>8</v>
      </c>
      <c r="D13" s="24">
        <v>39</v>
      </c>
      <c r="E13" s="24">
        <v>0</v>
      </c>
      <c r="F13" s="24">
        <v>52</v>
      </c>
      <c r="K13" s="22"/>
      <c r="L13" s="22"/>
      <c r="M13" s="22"/>
      <c r="N13" s="22"/>
      <c r="O13" s="22"/>
    </row>
    <row r="14" spans="1:17">
      <c r="A14" s="74"/>
      <c r="B14" s="21">
        <v>9.6000000000000002E-2</v>
      </c>
      <c r="C14" s="21">
        <v>0.154</v>
      </c>
      <c r="D14" s="21">
        <v>0.75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593</v>
      </c>
      <c r="C15" s="20">
        <v>1123</v>
      </c>
      <c r="D15" s="20">
        <v>4320</v>
      </c>
      <c r="E15" s="20">
        <v>34</v>
      </c>
      <c r="F15" s="20">
        <v>6070</v>
      </c>
    </row>
    <row r="16" spans="1:17">
      <c r="A16" s="74"/>
      <c r="B16" s="21">
        <v>9.8000000000000004E-2</v>
      </c>
      <c r="C16" s="21">
        <v>0.185</v>
      </c>
      <c r="D16" s="21">
        <v>0.71199999999999997</v>
      </c>
      <c r="E16" s="21">
        <v>6.0000000000000001E-3</v>
      </c>
      <c r="F16" s="21">
        <v>1</v>
      </c>
      <c r="K16" s="22"/>
      <c r="L16" s="22"/>
      <c r="M16" s="22"/>
      <c r="N16" s="22"/>
      <c r="O16" s="22"/>
      <c r="P16" s="22"/>
      <c r="Q16" s="22"/>
    </row>
    <row r="17" spans="1:15" ht="14.25" customHeight="1">
      <c r="A17" s="71" t="s">
        <v>227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81"/>
      <c r="B18" s="81"/>
      <c r="C18" s="81"/>
      <c r="D18" s="81"/>
      <c r="E18" s="81"/>
      <c r="F18" s="81"/>
    </row>
    <row r="19" spans="1:15">
      <c r="A19" s="81"/>
      <c r="B19" s="81"/>
      <c r="C19" s="81"/>
      <c r="D19" s="81"/>
      <c r="E19" s="81"/>
      <c r="F19" s="81"/>
    </row>
  </sheetData>
  <mergeCells count="10">
    <mergeCell ref="A17:F19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4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6" width="8.875" style="18" customWidth="1"/>
    <col min="7" max="16384" width="9" style="18"/>
  </cols>
  <sheetData>
    <row r="1" spans="1:17">
      <c r="A1" s="70" t="s">
        <v>356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75" t="s">
        <v>142</v>
      </c>
      <c r="B3" s="76" t="s">
        <v>106</v>
      </c>
      <c r="C3" s="76"/>
      <c r="D3" s="76"/>
      <c r="E3" s="76"/>
      <c r="F3" s="76"/>
    </row>
    <row r="4" spans="1:17" ht="42.75">
      <c r="A4" s="75"/>
      <c r="B4" s="11" t="s">
        <v>43</v>
      </c>
      <c r="C4" s="11" t="s">
        <v>44</v>
      </c>
      <c r="D4" s="11" t="s">
        <v>107</v>
      </c>
      <c r="E4" s="11" t="s">
        <v>22</v>
      </c>
      <c r="F4" s="11" t="s">
        <v>15</v>
      </c>
    </row>
    <row r="5" spans="1:17">
      <c r="A5" s="73" t="s">
        <v>138</v>
      </c>
      <c r="B5" s="20">
        <v>283</v>
      </c>
      <c r="C5" s="20">
        <v>364</v>
      </c>
      <c r="D5" s="20">
        <v>98</v>
      </c>
      <c r="E5" s="20">
        <v>1</v>
      </c>
      <c r="F5" s="20">
        <v>746</v>
      </c>
    </row>
    <row r="6" spans="1:17">
      <c r="A6" s="77"/>
      <c r="B6" s="21">
        <v>0.379</v>
      </c>
      <c r="C6" s="21">
        <v>0.48799999999999999</v>
      </c>
      <c r="D6" s="21">
        <v>0.13100000000000001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 s="23" customFormat="1">
      <c r="A7" s="73" t="s">
        <v>139</v>
      </c>
      <c r="B7" s="20">
        <v>1313</v>
      </c>
      <c r="C7" s="20">
        <v>1462</v>
      </c>
      <c r="D7" s="20">
        <v>454</v>
      </c>
      <c r="E7" s="20">
        <v>5</v>
      </c>
      <c r="F7" s="20">
        <v>3234</v>
      </c>
    </row>
    <row r="8" spans="1:17">
      <c r="A8" s="74"/>
      <c r="B8" s="21">
        <v>0.40600000000000003</v>
      </c>
      <c r="C8" s="21">
        <v>0.45200000000000001</v>
      </c>
      <c r="D8" s="21">
        <v>0.14000000000000001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 s="23" customFormat="1">
      <c r="A9" s="73" t="s">
        <v>140</v>
      </c>
      <c r="B9" s="20">
        <v>663</v>
      </c>
      <c r="C9" s="20">
        <v>646</v>
      </c>
      <c r="D9" s="20">
        <v>294</v>
      </c>
      <c r="E9" s="20">
        <v>4</v>
      </c>
      <c r="F9" s="20">
        <v>1607</v>
      </c>
    </row>
    <row r="10" spans="1:17">
      <c r="A10" s="74"/>
      <c r="B10" s="21">
        <v>0.41299999999999998</v>
      </c>
      <c r="C10" s="21">
        <v>0.40200000000000002</v>
      </c>
      <c r="D10" s="21">
        <v>0.183</v>
      </c>
      <c r="E10" s="21">
        <v>2E-3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141</v>
      </c>
      <c r="B11" s="24">
        <v>176</v>
      </c>
      <c r="C11" s="24">
        <v>173</v>
      </c>
      <c r="D11" s="24">
        <v>79</v>
      </c>
      <c r="E11" s="24">
        <v>3</v>
      </c>
      <c r="F11" s="24">
        <v>431</v>
      </c>
      <c r="K11" s="22"/>
      <c r="L11" s="22"/>
      <c r="M11" s="22"/>
      <c r="N11" s="22"/>
      <c r="O11" s="22"/>
    </row>
    <row r="12" spans="1:17">
      <c r="A12" s="79"/>
      <c r="B12" s="21">
        <v>0.40799999999999997</v>
      </c>
      <c r="C12" s="21">
        <v>0.40100000000000002</v>
      </c>
      <c r="D12" s="21">
        <v>0.183</v>
      </c>
      <c r="E12" s="21">
        <v>7.0000000000000001E-3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>
      <c r="A13" s="73" t="s">
        <v>22</v>
      </c>
      <c r="B13" s="24">
        <v>22</v>
      </c>
      <c r="C13" s="24">
        <v>21</v>
      </c>
      <c r="D13" s="24">
        <v>9</v>
      </c>
      <c r="E13" s="24">
        <v>0</v>
      </c>
      <c r="F13" s="24">
        <v>52</v>
      </c>
      <c r="K13" s="22"/>
      <c r="L13" s="22"/>
      <c r="M13" s="22"/>
      <c r="N13" s="22"/>
      <c r="O13" s="22"/>
    </row>
    <row r="14" spans="1:17">
      <c r="A14" s="74"/>
      <c r="B14" s="21">
        <v>0.42299999999999999</v>
      </c>
      <c r="C14" s="21">
        <v>0.40400000000000003</v>
      </c>
      <c r="D14" s="21">
        <v>0.17299999999999999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 s="23" customFormat="1">
      <c r="A15" s="73" t="s">
        <v>15</v>
      </c>
      <c r="B15" s="20">
        <v>2457</v>
      </c>
      <c r="C15" s="20">
        <v>2666</v>
      </c>
      <c r="D15" s="20">
        <v>934</v>
      </c>
      <c r="E15" s="20">
        <v>13</v>
      </c>
      <c r="F15" s="20">
        <v>6070</v>
      </c>
    </row>
    <row r="16" spans="1:17">
      <c r="A16" s="74"/>
      <c r="B16" s="21">
        <v>0.40500000000000003</v>
      </c>
      <c r="C16" s="21">
        <v>0.439</v>
      </c>
      <c r="D16" s="21">
        <v>0.154</v>
      </c>
      <c r="E16" s="21">
        <v>2E-3</v>
      </c>
      <c r="F16" s="21">
        <v>1</v>
      </c>
      <c r="K16" s="22"/>
      <c r="L16" s="22"/>
      <c r="M16" s="22"/>
      <c r="N16" s="22"/>
      <c r="O16" s="22"/>
      <c r="P16" s="22"/>
      <c r="Q16" s="22"/>
    </row>
    <row r="17" spans="1:15">
      <c r="A17" s="71" t="s">
        <v>261</v>
      </c>
      <c r="B17" s="71"/>
      <c r="C17" s="71"/>
      <c r="D17" s="71"/>
      <c r="E17" s="71"/>
      <c r="F17" s="71"/>
      <c r="K17" s="22"/>
      <c r="L17" s="22"/>
      <c r="M17" s="22"/>
      <c r="N17" s="22"/>
      <c r="O17" s="22"/>
    </row>
    <row r="18" spans="1:15">
      <c r="A18" s="25"/>
      <c r="B18" s="25"/>
      <c r="C18" s="25"/>
      <c r="D18" s="25"/>
      <c r="E18" s="25"/>
      <c r="F18" s="25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5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7" width="8.875" style="18" customWidth="1"/>
    <col min="8" max="16384" width="9" style="18"/>
  </cols>
  <sheetData>
    <row r="1" spans="1:18">
      <c r="A1" s="70" t="s">
        <v>357</v>
      </c>
      <c r="B1" s="70"/>
      <c r="C1" s="70"/>
      <c r="D1" s="70"/>
      <c r="E1" s="70"/>
      <c r="F1" s="70"/>
      <c r="G1" s="70"/>
    </row>
    <row r="2" spans="1:18">
      <c r="A2" s="121" t="s">
        <v>613</v>
      </c>
      <c r="B2" s="36"/>
      <c r="C2" s="36"/>
      <c r="D2" s="36"/>
      <c r="E2" s="36"/>
      <c r="F2" s="36"/>
      <c r="G2" s="36"/>
    </row>
    <row r="3" spans="1:18">
      <c r="A3" s="75" t="s">
        <v>142</v>
      </c>
      <c r="B3" s="76" t="s">
        <v>109</v>
      </c>
      <c r="C3" s="76"/>
      <c r="D3" s="76"/>
      <c r="E3" s="76"/>
      <c r="F3" s="76"/>
      <c r="G3" s="76"/>
    </row>
    <row r="4" spans="1:18" ht="42.75">
      <c r="A4" s="75"/>
      <c r="B4" s="11" t="s">
        <v>110</v>
      </c>
      <c r="C4" s="11" t="s">
        <v>111</v>
      </c>
      <c r="D4" s="11" t="s">
        <v>112</v>
      </c>
      <c r="E4" s="11" t="s">
        <v>147</v>
      </c>
      <c r="F4" s="11" t="s">
        <v>22</v>
      </c>
      <c r="G4" s="11" t="s">
        <v>15</v>
      </c>
    </row>
    <row r="5" spans="1:18">
      <c r="A5" s="73" t="s">
        <v>138</v>
      </c>
      <c r="B5" s="20">
        <v>129</v>
      </c>
      <c r="C5" s="20">
        <v>71</v>
      </c>
      <c r="D5" s="20">
        <v>10</v>
      </c>
      <c r="E5" s="20">
        <v>72</v>
      </c>
      <c r="F5" s="20">
        <v>1</v>
      </c>
      <c r="G5" s="20">
        <v>283</v>
      </c>
    </row>
    <row r="6" spans="1:18">
      <c r="A6" s="77"/>
      <c r="B6" s="21">
        <v>0.45600000000000002</v>
      </c>
      <c r="C6" s="21">
        <v>0.251</v>
      </c>
      <c r="D6" s="21">
        <v>3.5000000000000003E-2</v>
      </c>
      <c r="E6" s="21">
        <v>0.254</v>
      </c>
      <c r="F6" s="21">
        <v>4.0000000000000001E-3</v>
      </c>
      <c r="G6" s="21">
        <v>1</v>
      </c>
      <c r="L6" s="22"/>
      <c r="M6" s="22"/>
      <c r="N6" s="22"/>
      <c r="O6" s="22"/>
      <c r="P6" s="22"/>
      <c r="Q6" s="22"/>
      <c r="R6" s="22"/>
    </row>
    <row r="7" spans="1:18">
      <c r="A7" s="73" t="s">
        <v>139</v>
      </c>
      <c r="B7" s="24">
        <v>623</v>
      </c>
      <c r="C7" s="24">
        <v>266</v>
      </c>
      <c r="D7" s="24">
        <v>41</v>
      </c>
      <c r="E7" s="24">
        <v>381</v>
      </c>
      <c r="F7" s="24">
        <v>2</v>
      </c>
      <c r="G7" s="20">
        <v>1313</v>
      </c>
      <c r="L7" s="22"/>
      <c r="M7" s="22"/>
      <c r="N7" s="22"/>
      <c r="O7" s="22"/>
      <c r="P7" s="22"/>
    </row>
    <row r="8" spans="1:18">
      <c r="A8" s="74"/>
      <c r="B8" s="21">
        <v>0.47399999999999998</v>
      </c>
      <c r="C8" s="21">
        <v>0.20300000000000001</v>
      </c>
      <c r="D8" s="21">
        <v>3.1E-2</v>
      </c>
      <c r="E8" s="21">
        <v>0.28999999999999998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</row>
    <row r="9" spans="1:18">
      <c r="A9" s="73" t="s">
        <v>140</v>
      </c>
      <c r="B9" s="24">
        <v>283</v>
      </c>
      <c r="C9" s="24">
        <v>131</v>
      </c>
      <c r="D9" s="24">
        <v>29</v>
      </c>
      <c r="E9" s="24">
        <v>219</v>
      </c>
      <c r="F9" s="24">
        <v>1</v>
      </c>
      <c r="G9" s="24">
        <v>663</v>
      </c>
      <c r="L9" s="22"/>
      <c r="M9" s="22"/>
      <c r="N9" s="22"/>
      <c r="O9" s="22"/>
      <c r="P9" s="22"/>
    </row>
    <row r="10" spans="1:18">
      <c r="A10" s="74"/>
      <c r="B10" s="21">
        <v>0.42699999999999999</v>
      </c>
      <c r="C10" s="21">
        <v>0.19800000000000001</v>
      </c>
      <c r="D10" s="21">
        <v>4.3999999999999997E-2</v>
      </c>
      <c r="E10" s="21">
        <v>0.33</v>
      </c>
      <c r="F10" s="21">
        <v>2E-3</v>
      </c>
      <c r="G10" s="21">
        <v>1</v>
      </c>
      <c r="L10" s="22"/>
      <c r="M10" s="22"/>
      <c r="N10" s="22"/>
      <c r="O10" s="22"/>
      <c r="P10" s="22"/>
      <c r="Q10" s="22"/>
      <c r="R10" s="22"/>
    </row>
    <row r="11" spans="1:18">
      <c r="A11" s="78" t="s">
        <v>141</v>
      </c>
      <c r="B11" s="24">
        <v>66</v>
      </c>
      <c r="C11" s="24">
        <v>36</v>
      </c>
      <c r="D11" s="24">
        <v>4</v>
      </c>
      <c r="E11" s="24">
        <v>68</v>
      </c>
      <c r="F11" s="24">
        <v>2</v>
      </c>
      <c r="G11" s="24">
        <v>176</v>
      </c>
      <c r="L11" s="22"/>
      <c r="M11" s="22"/>
      <c r="N11" s="22"/>
      <c r="O11" s="22"/>
      <c r="P11" s="22"/>
    </row>
    <row r="12" spans="1:18">
      <c r="A12" s="79"/>
      <c r="B12" s="21">
        <v>0.375</v>
      </c>
      <c r="C12" s="21">
        <v>0.20499999999999999</v>
      </c>
      <c r="D12" s="21">
        <v>2.3E-2</v>
      </c>
      <c r="E12" s="21">
        <v>0.38600000000000001</v>
      </c>
      <c r="F12" s="21">
        <v>1.0999999999999999E-2</v>
      </c>
      <c r="G12" s="21">
        <v>1</v>
      </c>
      <c r="L12" s="22"/>
      <c r="M12" s="22"/>
      <c r="N12" s="22"/>
      <c r="O12" s="22"/>
      <c r="P12" s="22"/>
      <c r="Q12" s="22"/>
      <c r="R12" s="22"/>
    </row>
    <row r="13" spans="1:18">
      <c r="A13" s="73" t="s">
        <v>22</v>
      </c>
      <c r="B13" s="24">
        <v>4</v>
      </c>
      <c r="C13" s="24">
        <v>8</v>
      </c>
      <c r="D13" s="24">
        <v>0</v>
      </c>
      <c r="E13" s="24">
        <v>10</v>
      </c>
      <c r="F13" s="24">
        <v>0</v>
      </c>
      <c r="G13" s="24">
        <v>22</v>
      </c>
      <c r="L13" s="22"/>
      <c r="M13" s="22"/>
      <c r="N13" s="22"/>
      <c r="O13" s="22"/>
      <c r="P13" s="22"/>
    </row>
    <row r="14" spans="1:18">
      <c r="A14" s="74"/>
      <c r="B14" s="21">
        <v>0.182</v>
      </c>
      <c r="C14" s="21">
        <v>0.36399999999999999</v>
      </c>
      <c r="D14" s="21">
        <v>0</v>
      </c>
      <c r="E14" s="21">
        <v>0.45500000000000002</v>
      </c>
      <c r="F14" s="21">
        <v>0</v>
      </c>
      <c r="G14" s="21">
        <v>1</v>
      </c>
      <c r="L14" s="22"/>
      <c r="M14" s="22"/>
      <c r="N14" s="22"/>
      <c r="O14" s="22"/>
      <c r="P14" s="22"/>
      <c r="Q14" s="22"/>
      <c r="R14" s="22"/>
    </row>
    <row r="15" spans="1:18" s="23" customFormat="1">
      <c r="A15" s="73" t="s">
        <v>15</v>
      </c>
      <c r="B15" s="20">
        <v>1105</v>
      </c>
      <c r="C15" s="20">
        <v>512</v>
      </c>
      <c r="D15" s="20">
        <v>84</v>
      </c>
      <c r="E15" s="20">
        <v>750</v>
      </c>
      <c r="F15" s="20">
        <v>6</v>
      </c>
      <c r="G15" s="20">
        <v>2457</v>
      </c>
    </row>
    <row r="16" spans="1:18">
      <c r="A16" s="74"/>
      <c r="B16" s="21">
        <v>0.45</v>
      </c>
      <c r="C16" s="21">
        <v>0.20799999999999999</v>
      </c>
      <c r="D16" s="21">
        <v>3.4000000000000002E-2</v>
      </c>
      <c r="E16" s="21">
        <v>0.30499999999999999</v>
      </c>
      <c r="F16" s="21">
        <v>2E-3</v>
      </c>
      <c r="G16" s="21">
        <v>1</v>
      </c>
      <c r="L16" s="22"/>
      <c r="M16" s="22"/>
      <c r="N16" s="22"/>
      <c r="O16" s="22"/>
      <c r="P16" s="22"/>
      <c r="Q16" s="22"/>
      <c r="R16" s="22"/>
    </row>
    <row r="17" spans="1:16">
      <c r="A17" s="71" t="s">
        <v>218</v>
      </c>
      <c r="B17" s="71"/>
      <c r="C17" s="71"/>
      <c r="D17" s="71"/>
      <c r="E17" s="71"/>
      <c r="F17" s="71"/>
      <c r="G17" s="71"/>
      <c r="L17" s="22"/>
      <c r="M17" s="22"/>
      <c r="N17" s="22"/>
      <c r="O17" s="22"/>
      <c r="P17" s="22"/>
    </row>
    <row r="18" spans="1:16">
      <c r="A18" s="25"/>
      <c r="B18" s="25"/>
      <c r="C18" s="25"/>
      <c r="D18" s="25"/>
      <c r="E18" s="25"/>
      <c r="F18" s="25"/>
      <c r="G18" s="25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7"/>
  <dimension ref="A1:P10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6">
      <c r="A1" s="70" t="s">
        <v>358</v>
      </c>
      <c r="B1" s="70"/>
      <c r="C1" s="70"/>
      <c r="D1" s="70"/>
      <c r="E1" s="70"/>
    </row>
    <row r="2" spans="1:16">
      <c r="A2" s="121" t="s">
        <v>613</v>
      </c>
      <c r="B2" s="36"/>
      <c r="C2" s="36"/>
      <c r="D2" s="36"/>
      <c r="E2" s="36"/>
    </row>
    <row r="3" spans="1:16">
      <c r="A3" s="75" t="s">
        <v>210</v>
      </c>
      <c r="B3" s="76" t="s">
        <v>259</v>
      </c>
      <c r="C3" s="76"/>
      <c r="D3" s="76"/>
      <c r="E3" s="76"/>
    </row>
    <row r="4" spans="1:16">
      <c r="A4" s="75"/>
      <c r="B4" s="11" t="s">
        <v>25</v>
      </c>
      <c r="C4" s="11" t="s">
        <v>145</v>
      </c>
      <c r="D4" s="11" t="s">
        <v>22</v>
      </c>
      <c r="E4" s="11" t="s">
        <v>15</v>
      </c>
    </row>
    <row r="5" spans="1:16">
      <c r="A5" s="73" t="s">
        <v>19</v>
      </c>
      <c r="B5" s="20">
        <v>1996</v>
      </c>
      <c r="C5" s="20">
        <v>552</v>
      </c>
      <c r="D5" s="20">
        <v>166</v>
      </c>
      <c r="E5" s="20">
        <v>2714</v>
      </c>
    </row>
    <row r="6" spans="1:16">
      <c r="A6" s="77"/>
      <c r="B6" s="21">
        <v>0.73499999999999999</v>
      </c>
      <c r="C6" s="21">
        <v>0.20300000000000001</v>
      </c>
      <c r="D6" s="21">
        <v>6.0999999999999999E-2</v>
      </c>
      <c r="E6" s="21">
        <v>1</v>
      </c>
      <c r="J6" s="22"/>
      <c r="K6" s="22"/>
      <c r="L6" s="22"/>
      <c r="M6" s="22"/>
      <c r="N6" s="22"/>
      <c r="O6" s="22"/>
      <c r="P6" s="22"/>
    </row>
    <row r="7" spans="1:16" s="23" customFormat="1">
      <c r="A7" s="73" t="s">
        <v>15</v>
      </c>
      <c r="B7" s="20">
        <v>1996</v>
      </c>
      <c r="C7" s="20">
        <v>552</v>
      </c>
      <c r="D7" s="20">
        <v>166</v>
      </c>
      <c r="E7" s="20">
        <v>2714</v>
      </c>
    </row>
    <row r="8" spans="1:16">
      <c r="A8" s="77"/>
      <c r="B8" s="21">
        <v>0.73499999999999999</v>
      </c>
      <c r="C8" s="21">
        <v>0.20300000000000001</v>
      </c>
      <c r="D8" s="21">
        <v>6.0999999999999999E-2</v>
      </c>
      <c r="E8" s="21">
        <v>1</v>
      </c>
      <c r="J8" s="22"/>
      <c r="K8" s="22"/>
      <c r="L8" s="22"/>
      <c r="M8" s="22"/>
      <c r="N8" s="22"/>
      <c r="O8" s="22"/>
      <c r="P8" s="22"/>
    </row>
    <row r="9" spans="1:16">
      <c r="A9" s="71" t="s">
        <v>588</v>
      </c>
      <c r="B9" s="71"/>
      <c r="C9" s="71"/>
      <c r="D9" s="71"/>
      <c r="E9" s="71"/>
      <c r="J9" s="22"/>
      <c r="K9" s="22"/>
      <c r="L9" s="22"/>
      <c r="M9" s="22"/>
      <c r="N9" s="22"/>
    </row>
    <row r="10" spans="1:16">
      <c r="A10" s="25"/>
      <c r="B10" s="25"/>
      <c r="C10" s="25"/>
      <c r="D10" s="25"/>
      <c r="E10" s="25"/>
    </row>
  </sheetData>
  <mergeCells count="6">
    <mergeCell ref="A7:A8"/>
    <mergeCell ref="A9:E9"/>
    <mergeCell ref="A1:E1"/>
    <mergeCell ref="A3:A4"/>
    <mergeCell ref="B3:E3"/>
    <mergeCell ref="A5:A6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6"/>
  <dimension ref="A1:Q16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6" width="9" style="18" customWidth="1"/>
    <col min="7" max="16384" width="9" style="18"/>
  </cols>
  <sheetData>
    <row r="1" spans="1:17">
      <c r="A1" s="70" t="s">
        <v>359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84" t="s">
        <v>210</v>
      </c>
      <c r="B3" s="76" t="s">
        <v>31</v>
      </c>
      <c r="C3" s="76"/>
      <c r="D3" s="76"/>
      <c r="E3" s="76"/>
      <c r="F3" s="76"/>
    </row>
    <row r="4" spans="1:17" ht="28.5">
      <c r="A4" s="84"/>
      <c r="B4" s="11" t="s">
        <v>26</v>
      </c>
      <c r="C4" s="11" t="s">
        <v>27</v>
      </c>
      <c r="D4" s="11" t="s">
        <v>28</v>
      </c>
      <c r="E4" s="11" t="s">
        <v>22</v>
      </c>
      <c r="F4" s="11" t="s">
        <v>15</v>
      </c>
    </row>
    <row r="5" spans="1:17">
      <c r="A5" s="78" t="s">
        <v>205</v>
      </c>
      <c r="B5" s="20">
        <v>1035</v>
      </c>
      <c r="C5" s="20">
        <v>1454</v>
      </c>
      <c r="D5" s="20">
        <v>220</v>
      </c>
      <c r="E5" s="20">
        <v>5</v>
      </c>
      <c r="F5" s="20">
        <v>2714</v>
      </c>
    </row>
    <row r="6" spans="1:17">
      <c r="A6" s="77"/>
      <c r="B6" s="21">
        <v>0.38100000000000001</v>
      </c>
      <c r="C6" s="21">
        <v>0.53600000000000003</v>
      </c>
      <c r="D6" s="21">
        <v>8.1000000000000003E-2</v>
      </c>
      <c r="E6" s="21">
        <v>2E-3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207</v>
      </c>
      <c r="B7" s="20">
        <v>686</v>
      </c>
      <c r="C7" s="20">
        <v>2011</v>
      </c>
      <c r="D7" s="20">
        <v>395</v>
      </c>
      <c r="E7" s="20">
        <v>6</v>
      </c>
      <c r="F7" s="20">
        <v>3098</v>
      </c>
    </row>
    <row r="8" spans="1:17">
      <c r="A8" s="79"/>
      <c r="B8" s="21">
        <v>0.221</v>
      </c>
      <c r="C8" s="21">
        <v>0.64900000000000002</v>
      </c>
      <c r="D8" s="21">
        <v>0.128</v>
      </c>
      <c r="E8" s="21">
        <v>2E-3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>
      <c r="A9" s="78" t="s">
        <v>208</v>
      </c>
      <c r="B9" s="24">
        <v>39</v>
      </c>
      <c r="C9" s="24">
        <v>114</v>
      </c>
      <c r="D9" s="24">
        <v>89</v>
      </c>
      <c r="E9" s="24">
        <v>1</v>
      </c>
      <c r="F9" s="24">
        <v>243</v>
      </c>
      <c r="K9" s="22"/>
      <c r="L9" s="22"/>
      <c r="M9" s="22"/>
      <c r="N9" s="22"/>
      <c r="O9" s="22"/>
    </row>
    <row r="10" spans="1:17">
      <c r="A10" s="79"/>
      <c r="B10" s="21">
        <v>0.16</v>
      </c>
      <c r="C10" s="21">
        <v>0.46899999999999997</v>
      </c>
      <c r="D10" s="21">
        <v>0.36599999999999999</v>
      </c>
      <c r="E10" s="21">
        <v>4.0000000000000001E-3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22</v>
      </c>
      <c r="B11" s="24">
        <v>7</v>
      </c>
      <c r="C11" s="24">
        <v>7</v>
      </c>
      <c r="D11" s="24">
        <v>0</v>
      </c>
      <c r="E11" s="24">
        <v>1</v>
      </c>
      <c r="F11" s="24">
        <v>15</v>
      </c>
      <c r="K11" s="22"/>
      <c r="L11" s="22"/>
      <c r="M11" s="22"/>
      <c r="N11" s="22"/>
      <c r="O11" s="22"/>
    </row>
    <row r="12" spans="1:17">
      <c r="A12" s="79"/>
      <c r="B12" s="21">
        <v>0.46700000000000003</v>
      </c>
      <c r="C12" s="21">
        <v>0.46700000000000003</v>
      </c>
      <c r="D12" s="21">
        <v>0</v>
      </c>
      <c r="E12" s="21">
        <v>6.7000000000000004E-2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1767</v>
      </c>
      <c r="C13" s="20">
        <v>3586</v>
      </c>
      <c r="D13" s="20">
        <v>704</v>
      </c>
      <c r="E13" s="20">
        <v>13</v>
      </c>
      <c r="F13" s="20">
        <v>6070</v>
      </c>
    </row>
    <row r="14" spans="1:17">
      <c r="A14" s="74"/>
      <c r="B14" s="21">
        <v>0.29099999999999998</v>
      </c>
      <c r="C14" s="21">
        <v>0.59099999999999997</v>
      </c>
      <c r="D14" s="21">
        <v>0.11600000000000001</v>
      </c>
      <c r="E14" s="21">
        <v>2E-3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 ht="14.25" customHeight="1">
      <c r="A15" s="71" t="s">
        <v>32</v>
      </c>
      <c r="B15" s="71"/>
      <c r="C15" s="71"/>
      <c r="D15" s="71"/>
      <c r="E15" s="71"/>
      <c r="F15" s="71"/>
      <c r="K15" s="22"/>
      <c r="L15" s="22"/>
      <c r="M15" s="22"/>
      <c r="N15" s="22"/>
      <c r="O15" s="22"/>
    </row>
    <row r="16" spans="1:17">
      <c r="A16" s="81"/>
      <c r="B16" s="81"/>
      <c r="C16" s="81"/>
      <c r="D16" s="81"/>
      <c r="E16" s="81"/>
      <c r="F16" s="81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8"/>
  <dimension ref="A1:P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9" style="18" customWidth="1"/>
    <col min="6" max="16384" width="9" style="18"/>
  </cols>
  <sheetData>
    <row r="1" spans="1:16">
      <c r="A1" s="70" t="s">
        <v>360</v>
      </c>
      <c r="B1" s="70"/>
      <c r="C1" s="70"/>
      <c r="D1" s="70"/>
      <c r="E1" s="70"/>
    </row>
    <row r="2" spans="1:16">
      <c r="A2" s="121" t="s">
        <v>613</v>
      </c>
      <c r="B2" s="36"/>
      <c r="C2" s="36"/>
      <c r="D2" s="36"/>
      <c r="E2" s="36"/>
    </row>
    <row r="3" spans="1:16">
      <c r="A3" s="84" t="s">
        <v>305</v>
      </c>
      <c r="B3" s="76" t="s">
        <v>258</v>
      </c>
      <c r="C3" s="76"/>
      <c r="D3" s="76"/>
      <c r="E3" s="76"/>
    </row>
    <row r="4" spans="1:16">
      <c r="A4" s="84"/>
      <c r="B4" s="11" t="s">
        <v>25</v>
      </c>
      <c r="C4" s="11" t="s">
        <v>145</v>
      </c>
      <c r="D4" s="11" t="s">
        <v>22</v>
      </c>
      <c r="E4" s="11" t="s">
        <v>15</v>
      </c>
    </row>
    <row r="5" spans="1:16">
      <c r="A5" s="73" t="s">
        <v>19</v>
      </c>
      <c r="B5" s="20">
        <v>694</v>
      </c>
      <c r="C5" s="20">
        <v>238</v>
      </c>
      <c r="D5" s="20">
        <v>103</v>
      </c>
      <c r="E5" s="20">
        <v>1035</v>
      </c>
    </row>
    <row r="6" spans="1:16">
      <c r="A6" s="77"/>
      <c r="B6" s="21">
        <v>0.67100000000000004</v>
      </c>
      <c r="C6" s="21">
        <v>0.23</v>
      </c>
      <c r="D6" s="21">
        <v>0.1</v>
      </c>
      <c r="E6" s="21">
        <v>1</v>
      </c>
      <c r="J6" s="22"/>
      <c r="K6" s="22"/>
      <c r="L6" s="22"/>
      <c r="M6" s="22"/>
      <c r="N6" s="22"/>
      <c r="O6" s="22"/>
      <c r="P6" s="22"/>
    </row>
    <row r="7" spans="1:16">
      <c r="A7" s="78" t="s">
        <v>303</v>
      </c>
      <c r="B7" s="24">
        <v>502</v>
      </c>
      <c r="C7" s="24">
        <v>108</v>
      </c>
      <c r="D7" s="24">
        <v>76</v>
      </c>
      <c r="E7" s="20">
        <v>686</v>
      </c>
      <c r="J7" s="22"/>
      <c r="K7" s="22"/>
      <c r="L7" s="22"/>
      <c r="M7" s="22"/>
      <c r="N7" s="22"/>
    </row>
    <row r="8" spans="1:16">
      <c r="A8" s="79"/>
      <c r="B8" s="21">
        <v>0.73199999999999998</v>
      </c>
      <c r="C8" s="21">
        <v>0.157</v>
      </c>
      <c r="D8" s="21">
        <v>0.111</v>
      </c>
      <c r="E8" s="21">
        <v>1</v>
      </c>
      <c r="J8" s="22"/>
      <c r="K8" s="22"/>
      <c r="L8" s="22"/>
      <c r="M8" s="22"/>
      <c r="N8" s="22"/>
      <c r="O8" s="22"/>
      <c r="P8" s="22"/>
    </row>
    <row r="9" spans="1:16">
      <c r="A9" s="78" t="s">
        <v>304</v>
      </c>
      <c r="B9" s="24">
        <v>29</v>
      </c>
      <c r="C9" s="24">
        <v>7</v>
      </c>
      <c r="D9" s="24">
        <v>3</v>
      </c>
      <c r="E9" s="24">
        <v>39</v>
      </c>
      <c r="J9" s="22"/>
      <c r="K9" s="22"/>
      <c r="L9" s="22"/>
      <c r="M9" s="22"/>
      <c r="N9" s="22"/>
    </row>
    <row r="10" spans="1:16">
      <c r="A10" s="79"/>
      <c r="B10" s="21">
        <v>0.74399999999999999</v>
      </c>
      <c r="C10" s="21">
        <v>0.17899999999999999</v>
      </c>
      <c r="D10" s="21">
        <v>7.6999999999999999E-2</v>
      </c>
      <c r="E10" s="21">
        <v>1</v>
      </c>
      <c r="J10" s="22"/>
      <c r="K10" s="22"/>
      <c r="L10" s="22"/>
      <c r="M10" s="22"/>
      <c r="N10" s="22"/>
      <c r="O10" s="22"/>
      <c r="P10" s="22"/>
    </row>
    <row r="11" spans="1:16">
      <c r="A11" s="78" t="s">
        <v>22</v>
      </c>
      <c r="B11" s="24">
        <v>4</v>
      </c>
      <c r="C11" s="24">
        <v>1</v>
      </c>
      <c r="D11" s="24">
        <v>2</v>
      </c>
      <c r="E11" s="24">
        <v>7</v>
      </c>
      <c r="J11" s="22"/>
      <c r="K11" s="22"/>
      <c r="L11" s="22"/>
      <c r="M11" s="22"/>
      <c r="N11" s="22"/>
    </row>
    <row r="12" spans="1:16">
      <c r="A12" s="79"/>
      <c r="B12" s="21">
        <v>0.57099999999999995</v>
      </c>
      <c r="C12" s="21">
        <v>0.14299999999999999</v>
      </c>
      <c r="D12" s="21">
        <v>0.28599999999999998</v>
      </c>
      <c r="E12" s="21">
        <v>1</v>
      </c>
      <c r="J12" s="22"/>
      <c r="K12" s="22"/>
      <c r="L12" s="22"/>
      <c r="M12" s="22"/>
      <c r="N12" s="22"/>
      <c r="O12" s="22"/>
      <c r="P12" s="22"/>
    </row>
    <row r="13" spans="1:16" s="23" customFormat="1">
      <c r="A13" s="89" t="s">
        <v>15</v>
      </c>
      <c r="B13" s="20">
        <v>1229</v>
      </c>
      <c r="C13" s="20">
        <v>354</v>
      </c>
      <c r="D13" s="20">
        <v>184</v>
      </c>
      <c r="E13" s="20">
        <v>1767</v>
      </c>
    </row>
    <row r="14" spans="1:16">
      <c r="A14" s="74"/>
      <c r="B14" s="21">
        <v>0.69599999999999995</v>
      </c>
      <c r="C14" s="21">
        <v>0.2</v>
      </c>
      <c r="D14" s="21">
        <v>0.104</v>
      </c>
      <c r="E14" s="21">
        <v>1</v>
      </c>
      <c r="J14" s="22"/>
      <c r="K14" s="22"/>
      <c r="L14" s="22"/>
      <c r="M14" s="22"/>
      <c r="N14" s="22"/>
      <c r="O14" s="22"/>
      <c r="P14" s="22"/>
    </row>
    <row r="15" spans="1:16">
      <c r="A15" s="90" t="s">
        <v>589</v>
      </c>
      <c r="B15" s="90"/>
      <c r="C15" s="90"/>
      <c r="D15" s="90"/>
      <c r="E15" s="90"/>
      <c r="J15" s="22"/>
      <c r="K15" s="22"/>
      <c r="L15" s="22"/>
      <c r="M15" s="22"/>
      <c r="N15" s="22"/>
    </row>
    <row r="16" spans="1:16">
      <c r="A16" s="25"/>
      <c r="B16" s="25"/>
      <c r="C16" s="25"/>
      <c r="D16" s="25"/>
      <c r="E16" s="25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1:O26"/>
  <sheetViews>
    <sheetView workbookViewId="0">
      <selection activeCell="A2" sqref="A2"/>
    </sheetView>
  </sheetViews>
  <sheetFormatPr defaultColWidth="9" defaultRowHeight="14.25"/>
  <cols>
    <col min="1" max="1" width="11.75" style="18" customWidth="1"/>
    <col min="2" max="2" width="18.125" style="18" bestFit="1" customWidth="1"/>
    <col min="3" max="3" width="24.625" style="18" bestFit="1" customWidth="1"/>
    <col min="4" max="4" width="8.75" style="18" customWidth="1"/>
    <col min="5" max="5" width="7.375" style="18" bestFit="1" customWidth="1"/>
    <col min="6" max="16384" width="9" style="18"/>
  </cols>
  <sheetData>
    <row r="1" spans="1:15">
      <c r="A1" s="70" t="s">
        <v>51</v>
      </c>
      <c r="B1" s="70"/>
      <c r="C1" s="70"/>
      <c r="D1" s="70"/>
      <c r="E1" s="70"/>
    </row>
    <row r="2" spans="1:15">
      <c r="A2" s="121" t="s">
        <v>613</v>
      </c>
      <c r="B2" s="36"/>
      <c r="C2" s="36"/>
      <c r="D2" s="36"/>
      <c r="E2" s="36"/>
    </row>
    <row r="3" spans="1:15">
      <c r="A3" s="75" t="s">
        <v>6</v>
      </c>
      <c r="B3" s="76" t="s">
        <v>48</v>
      </c>
      <c r="C3" s="76"/>
      <c r="D3" s="76"/>
      <c r="E3" s="76"/>
    </row>
    <row r="4" spans="1:15" ht="28.5">
      <c r="A4" s="75"/>
      <c r="B4" s="11" t="s">
        <v>187</v>
      </c>
      <c r="C4" s="11" t="s">
        <v>188</v>
      </c>
      <c r="D4" s="11" t="s">
        <v>22</v>
      </c>
      <c r="E4" s="11" t="s">
        <v>15</v>
      </c>
    </row>
    <row r="5" spans="1:15">
      <c r="A5" s="73" t="s">
        <v>7</v>
      </c>
      <c r="B5" s="20">
        <v>1687</v>
      </c>
      <c r="C5" s="20">
        <v>830</v>
      </c>
      <c r="D5" s="20">
        <v>0</v>
      </c>
      <c r="E5" s="20">
        <v>2517</v>
      </c>
    </row>
    <row r="6" spans="1:15">
      <c r="A6" s="77"/>
      <c r="B6" s="21">
        <v>0.67</v>
      </c>
      <c r="C6" s="21">
        <v>0.33</v>
      </c>
      <c r="D6" s="21">
        <v>0</v>
      </c>
      <c r="E6" s="21">
        <v>1</v>
      </c>
      <c r="J6" s="22"/>
      <c r="K6" s="22"/>
      <c r="L6" s="22"/>
      <c r="M6" s="22"/>
      <c r="N6" s="22"/>
      <c r="O6" s="22"/>
    </row>
    <row r="7" spans="1:15">
      <c r="A7" s="73" t="s">
        <v>8</v>
      </c>
      <c r="B7" s="24">
        <v>340</v>
      </c>
      <c r="C7" s="24">
        <v>189</v>
      </c>
      <c r="D7" s="24">
        <v>0</v>
      </c>
      <c r="E7" s="20">
        <v>529</v>
      </c>
      <c r="J7" s="22"/>
      <c r="K7" s="22"/>
      <c r="L7" s="22"/>
      <c r="M7" s="22"/>
      <c r="N7" s="22"/>
    </row>
    <row r="8" spans="1:15">
      <c r="A8" s="74"/>
      <c r="B8" s="21">
        <v>0.64300000000000002</v>
      </c>
      <c r="C8" s="21">
        <v>0.35699999999999998</v>
      </c>
      <c r="D8" s="21">
        <v>0</v>
      </c>
      <c r="E8" s="21">
        <v>1</v>
      </c>
      <c r="J8" s="22"/>
      <c r="K8" s="22"/>
      <c r="L8" s="22"/>
      <c r="M8" s="22"/>
      <c r="N8" s="22"/>
      <c r="O8" s="22"/>
    </row>
    <row r="9" spans="1:15">
      <c r="A9" s="73" t="s">
        <v>9</v>
      </c>
      <c r="B9" s="24">
        <v>605</v>
      </c>
      <c r="C9" s="24">
        <v>311</v>
      </c>
      <c r="D9" s="24">
        <v>0</v>
      </c>
      <c r="E9" s="24">
        <v>916</v>
      </c>
      <c r="J9" s="22"/>
      <c r="K9" s="22"/>
      <c r="L9" s="22"/>
      <c r="M9" s="22"/>
      <c r="N9" s="22"/>
    </row>
    <row r="10" spans="1:15">
      <c r="A10" s="74"/>
      <c r="B10" s="21">
        <v>0.66</v>
      </c>
      <c r="C10" s="21">
        <v>0.34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</row>
    <row r="11" spans="1:15">
      <c r="A11" s="78" t="s">
        <v>10</v>
      </c>
      <c r="B11" s="24">
        <v>185</v>
      </c>
      <c r="C11" s="24">
        <v>82</v>
      </c>
      <c r="D11" s="24">
        <v>0</v>
      </c>
      <c r="E11" s="24">
        <v>267</v>
      </c>
      <c r="J11" s="22"/>
      <c r="K11" s="22"/>
      <c r="L11" s="22"/>
      <c r="M11" s="22"/>
      <c r="N11" s="22"/>
    </row>
    <row r="12" spans="1:15">
      <c r="A12" s="79"/>
      <c r="B12" s="21">
        <v>0.69299999999999995</v>
      </c>
      <c r="C12" s="21">
        <v>0.307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</row>
    <row r="13" spans="1:15">
      <c r="A13" s="73" t="s">
        <v>11</v>
      </c>
      <c r="B13" s="24">
        <v>137</v>
      </c>
      <c r="C13" s="24">
        <v>98</v>
      </c>
      <c r="D13" s="24">
        <v>2</v>
      </c>
      <c r="E13" s="24">
        <v>237</v>
      </c>
      <c r="J13" s="22"/>
      <c r="K13" s="22"/>
      <c r="L13" s="22"/>
      <c r="M13" s="22"/>
      <c r="N13" s="22"/>
    </row>
    <row r="14" spans="1:15">
      <c r="A14" s="74"/>
      <c r="B14" s="21">
        <v>0.57799999999999996</v>
      </c>
      <c r="C14" s="21">
        <v>0.41399999999999998</v>
      </c>
      <c r="D14" s="21">
        <v>8.0000000000000002E-3</v>
      </c>
      <c r="E14" s="21">
        <v>1</v>
      </c>
      <c r="J14" s="22"/>
      <c r="K14" s="22"/>
      <c r="L14" s="22"/>
      <c r="M14" s="22"/>
      <c r="N14" s="22"/>
      <c r="O14" s="22"/>
    </row>
    <row r="15" spans="1:15">
      <c r="A15" s="73" t="s">
        <v>12</v>
      </c>
      <c r="B15" s="24">
        <v>146</v>
      </c>
      <c r="C15" s="24">
        <v>85</v>
      </c>
      <c r="D15" s="24">
        <v>0</v>
      </c>
      <c r="E15" s="24">
        <v>231</v>
      </c>
      <c r="J15" s="22"/>
      <c r="K15" s="22"/>
      <c r="L15" s="22"/>
      <c r="M15" s="22"/>
      <c r="N15" s="22"/>
    </row>
    <row r="16" spans="1:15">
      <c r="A16" s="74"/>
      <c r="B16" s="21">
        <v>0.63200000000000001</v>
      </c>
      <c r="C16" s="21">
        <v>0.36799999999999999</v>
      </c>
      <c r="D16" s="21">
        <v>0</v>
      </c>
      <c r="E16" s="21">
        <v>1</v>
      </c>
      <c r="J16" s="22"/>
      <c r="K16" s="22"/>
      <c r="L16" s="22"/>
      <c r="M16" s="22"/>
      <c r="N16" s="22"/>
      <c r="O16" s="22"/>
    </row>
    <row r="17" spans="1:15" s="23" customFormat="1">
      <c r="A17" s="73" t="s">
        <v>13</v>
      </c>
      <c r="B17" s="20">
        <v>772</v>
      </c>
      <c r="C17" s="20">
        <v>371</v>
      </c>
      <c r="D17" s="20">
        <v>3</v>
      </c>
      <c r="E17" s="20">
        <v>1146</v>
      </c>
    </row>
    <row r="18" spans="1:15">
      <c r="A18" s="74"/>
      <c r="B18" s="21">
        <v>0.67400000000000004</v>
      </c>
      <c r="C18" s="21">
        <v>0.32400000000000001</v>
      </c>
      <c r="D18" s="21">
        <v>3.0000000000000001E-3</v>
      </c>
      <c r="E18" s="21">
        <v>1</v>
      </c>
      <c r="J18" s="22"/>
      <c r="K18" s="22"/>
      <c r="L18" s="22"/>
      <c r="M18" s="22"/>
      <c r="N18" s="22"/>
      <c r="O18" s="22"/>
    </row>
    <row r="19" spans="1:15">
      <c r="A19" s="73" t="s">
        <v>14</v>
      </c>
      <c r="B19" s="24">
        <v>134</v>
      </c>
      <c r="C19" s="24">
        <v>45</v>
      </c>
      <c r="D19" s="24">
        <v>0</v>
      </c>
      <c r="E19" s="24">
        <v>179</v>
      </c>
      <c r="J19" s="22"/>
      <c r="K19" s="22"/>
      <c r="L19" s="22"/>
      <c r="M19" s="22"/>
      <c r="N19" s="22"/>
    </row>
    <row r="20" spans="1:15">
      <c r="A20" s="74"/>
      <c r="B20" s="21">
        <v>0.749</v>
      </c>
      <c r="C20" s="21">
        <v>0.251</v>
      </c>
      <c r="D20" s="21">
        <v>0</v>
      </c>
      <c r="E20" s="21">
        <v>1</v>
      </c>
      <c r="J20" s="22"/>
      <c r="K20" s="22"/>
      <c r="L20" s="22"/>
      <c r="M20" s="22"/>
      <c r="N20" s="22"/>
      <c r="O20" s="22"/>
    </row>
    <row r="21" spans="1:15">
      <c r="A21" s="72" t="s">
        <v>22</v>
      </c>
      <c r="B21" s="34">
        <v>32</v>
      </c>
      <c r="C21" s="34">
        <v>16</v>
      </c>
      <c r="D21" s="34">
        <v>0</v>
      </c>
      <c r="E21" s="34">
        <v>48</v>
      </c>
      <c r="J21" s="22"/>
      <c r="K21" s="22"/>
      <c r="L21" s="22"/>
      <c r="M21" s="22"/>
      <c r="N21" s="22"/>
    </row>
    <row r="22" spans="1:15" s="26" customFormat="1">
      <c r="A22" s="72"/>
      <c r="B22" s="33">
        <v>0.66700000000000004</v>
      </c>
      <c r="C22" s="33">
        <v>0.33300000000000002</v>
      </c>
      <c r="D22" s="33">
        <v>0</v>
      </c>
      <c r="E22" s="33">
        <v>1</v>
      </c>
    </row>
    <row r="23" spans="1:15" s="23" customFormat="1">
      <c r="A23" s="73" t="s">
        <v>15</v>
      </c>
      <c r="B23" s="20">
        <v>4038</v>
      </c>
      <c r="C23" s="20">
        <v>2027</v>
      </c>
      <c r="D23" s="20">
        <v>5</v>
      </c>
      <c r="E23" s="20">
        <v>6070</v>
      </c>
    </row>
    <row r="24" spans="1:15">
      <c r="A24" s="74"/>
      <c r="B24" s="21">
        <v>0.66500000000000004</v>
      </c>
      <c r="C24" s="21">
        <v>0.33400000000000002</v>
      </c>
      <c r="D24" s="21">
        <v>1E-3</v>
      </c>
      <c r="E24" s="21">
        <v>1</v>
      </c>
      <c r="J24" s="22"/>
      <c r="K24" s="22"/>
      <c r="L24" s="22"/>
      <c r="M24" s="22"/>
      <c r="N24" s="22"/>
      <c r="O24" s="22"/>
    </row>
    <row r="25" spans="1:15">
      <c r="A25" s="71" t="s">
        <v>50</v>
      </c>
      <c r="B25" s="71"/>
      <c r="C25" s="71"/>
      <c r="D25" s="71"/>
      <c r="E25" s="71"/>
      <c r="J25" s="22"/>
      <c r="K25" s="22"/>
      <c r="L25" s="22"/>
      <c r="M25" s="22"/>
      <c r="N25" s="22"/>
    </row>
    <row r="26" spans="1:15">
      <c r="A26" s="25"/>
      <c r="B26" s="25"/>
      <c r="C26" s="25"/>
      <c r="D26" s="25"/>
      <c r="E26" s="25"/>
    </row>
  </sheetData>
  <mergeCells count="14">
    <mergeCell ref="A23:A24"/>
    <mergeCell ref="A25:E25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9"/>
  <dimension ref="A1:R16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7" width="8.875" style="18" customWidth="1"/>
    <col min="8" max="16384" width="9" style="18"/>
  </cols>
  <sheetData>
    <row r="1" spans="1:18">
      <c r="A1" s="70" t="s">
        <v>361</v>
      </c>
      <c r="B1" s="70"/>
      <c r="C1" s="70"/>
      <c r="D1" s="70"/>
      <c r="E1" s="70"/>
      <c r="F1" s="70"/>
      <c r="G1" s="70"/>
    </row>
    <row r="2" spans="1:18">
      <c r="A2" s="121" t="s">
        <v>613</v>
      </c>
      <c r="B2" s="36"/>
      <c r="C2" s="36"/>
      <c r="D2" s="36"/>
      <c r="E2" s="36"/>
      <c r="F2" s="36"/>
      <c r="G2" s="36"/>
    </row>
    <row r="3" spans="1:18">
      <c r="A3" s="84" t="s">
        <v>210</v>
      </c>
      <c r="B3" s="76" t="s">
        <v>39</v>
      </c>
      <c r="C3" s="76"/>
      <c r="D3" s="76"/>
      <c r="E3" s="76"/>
      <c r="F3" s="76"/>
      <c r="G3" s="76"/>
    </row>
    <row r="4" spans="1:18" ht="42.75">
      <c r="A4" s="84"/>
      <c r="B4" s="11" t="s">
        <v>33</v>
      </c>
      <c r="C4" s="11" t="s">
        <v>34</v>
      </c>
      <c r="D4" s="11" t="s">
        <v>36</v>
      </c>
      <c r="E4" s="11" t="s">
        <v>35</v>
      </c>
      <c r="F4" s="11" t="s">
        <v>22</v>
      </c>
      <c r="G4" s="11" t="s">
        <v>15</v>
      </c>
    </row>
    <row r="5" spans="1:18">
      <c r="A5" s="78" t="s">
        <v>205</v>
      </c>
      <c r="B5" s="20">
        <v>2642</v>
      </c>
      <c r="C5" s="20">
        <v>56</v>
      </c>
      <c r="D5" s="20">
        <v>12</v>
      </c>
      <c r="E5" s="20">
        <v>2</v>
      </c>
      <c r="F5" s="20">
        <v>2</v>
      </c>
      <c r="G5" s="20">
        <v>2714</v>
      </c>
    </row>
    <row r="6" spans="1:18">
      <c r="A6" s="77"/>
      <c r="B6" s="21">
        <v>0.97299999999999998</v>
      </c>
      <c r="C6" s="21">
        <v>2.1000000000000001E-2</v>
      </c>
      <c r="D6" s="21">
        <v>4.0000000000000001E-3</v>
      </c>
      <c r="E6" s="21">
        <v>1E-3</v>
      </c>
      <c r="F6" s="21">
        <v>1E-3</v>
      </c>
      <c r="G6" s="21">
        <v>1</v>
      </c>
      <c r="L6" s="22"/>
      <c r="M6" s="22"/>
      <c r="N6" s="22"/>
      <c r="O6" s="22"/>
      <c r="P6" s="22"/>
      <c r="Q6" s="22"/>
      <c r="R6" s="22"/>
    </row>
    <row r="7" spans="1:18" s="23" customFormat="1">
      <c r="A7" s="92" t="s">
        <v>207</v>
      </c>
      <c r="B7" s="20">
        <v>3006</v>
      </c>
      <c r="C7" s="20">
        <v>74</v>
      </c>
      <c r="D7" s="20">
        <v>12</v>
      </c>
      <c r="E7" s="20">
        <v>2</v>
      </c>
      <c r="F7" s="20">
        <v>4</v>
      </c>
      <c r="G7" s="20">
        <v>3098</v>
      </c>
    </row>
    <row r="8" spans="1:18">
      <c r="A8" s="79"/>
      <c r="B8" s="21">
        <v>0.97</v>
      </c>
      <c r="C8" s="21">
        <v>2.4E-2</v>
      </c>
      <c r="D8" s="21">
        <v>4.0000000000000001E-3</v>
      </c>
      <c r="E8" s="21">
        <v>1E-3</v>
      </c>
      <c r="F8" s="21">
        <v>1E-3</v>
      </c>
      <c r="G8" s="21">
        <v>1</v>
      </c>
      <c r="L8" s="22"/>
      <c r="M8" s="22"/>
      <c r="N8" s="22"/>
      <c r="O8" s="22"/>
      <c r="P8" s="22"/>
      <c r="Q8" s="22"/>
      <c r="R8" s="22"/>
    </row>
    <row r="9" spans="1:18">
      <c r="A9" s="78" t="s">
        <v>208</v>
      </c>
      <c r="B9" s="24">
        <v>234</v>
      </c>
      <c r="C9" s="24">
        <v>7</v>
      </c>
      <c r="D9" s="24">
        <v>1</v>
      </c>
      <c r="E9" s="24">
        <v>0</v>
      </c>
      <c r="F9" s="24">
        <v>1</v>
      </c>
      <c r="G9" s="24">
        <v>243</v>
      </c>
      <c r="L9" s="22"/>
      <c r="M9" s="22"/>
      <c r="N9" s="22"/>
      <c r="O9" s="22"/>
      <c r="P9" s="22"/>
    </row>
    <row r="10" spans="1:18">
      <c r="A10" s="79"/>
      <c r="B10" s="21">
        <v>0.96299999999999997</v>
      </c>
      <c r="C10" s="21">
        <v>2.9000000000000001E-2</v>
      </c>
      <c r="D10" s="21">
        <v>4.0000000000000001E-3</v>
      </c>
      <c r="E10" s="21">
        <v>0</v>
      </c>
      <c r="F10" s="21">
        <v>4.0000000000000001E-3</v>
      </c>
      <c r="G10" s="21">
        <v>1</v>
      </c>
      <c r="L10" s="22"/>
      <c r="M10" s="22"/>
      <c r="N10" s="22"/>
      <c r="O10" s="22"/>
      <c r="P10" s="22"/>
      <c r="Q10" s="22"/>
      <c r="R10" s="22"/>
    </row>
    <row r="11" spans="1:18">
      <c r="A11" s="78" t="s">
        <v>22</v>
      </c>
      <c r="B11" s="24">
        <v>14</v>
      </c>
      <c r="C11" s="24">
        <v>1</v>
      </c>
      <c r="D11" s="24">
        <v>0</v>
      </c>
      <c r="E11" s="24">
        <v>0</v>
      </c>
      <c r="F11" s="24">
        <v>0</v>
      </c>
      <c r="G11" s="24">
        <v>15</v>
      </c>
      <c r="L11" s="22"/>
      <c r="M11" s="22"/>
      <c r="N11" s="22"/>
      <c r="O11" s="22"/>
      <c r="P11" s="22"/>
    </row>
    <row r="12" spans="1:18">
      <c r="A12" s="79"/>
      <c r="B12" s="21">
        <v>0.93300000000000005</v>
      </c>
      <c r="C12" s="21">
        <v>6.7000000000000004E-2</v>
      </c>
      <c r="D12" s="21">
        <v>0</v>
      </c>
      <c r="E12" s="21">
        <v>0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</row>
    <row r="13" spans="1:18" s="23" customFormat="1">
      <c r="A13" s="89" t="s">
        <v>15</v>
      </c>
      <c r="B13" s="20">
        <v>5896</v>
      </c>
      <c r="C13" s="20">
        <v>138</v>
      </c>
      <c r="D13" s="20">
        <v>25</v>
      </c>
      <c r="E13" s="20">
        <v>4</v>
      </c>
      <c r="F13" s="20">
        <v>7</v>
      </c>
      <c r="G13" s="20">
        <v>6070</v>
      </c>
    </row>
    <row r="14" spans="1:18">
      <c r="A14" s="74"/>
      <c r="B14" s="21">
        <v>0.97099999999999997</v>
      </c>
      <c r="C14" s="21">
        <v>2.3E-2</v>
      </c>
      <c r="D14" s="21">
        <v>4.0000000000000001E-3</v>
      </c>
      <c r="E14" s="21">
        <v>1E-3</v>
      </c>
      <c r="F14" s="21">
        <v>1E-3</v>
      </c>
      <c r="G14" s="21">
        <v>1</v>
      </c>
      <c r="L14" s="22"/>
      <c r="M14" s="22"/>
      <c r="N14" s="22"/>
      <c r="O14" s="22"/>
      <c r="P14" s="22"/>
      <c r="Q14" s="22"/>
      <c r="R14" s="22"/>
    </row>
    <row r="15" spans="1:18">
      <c r="A15" s="91" t="s">
        <v>40</v>
      </c>
      <c r="B15" s="91"/>
      <c r="C15" s="91"/>
      <c r="D15" s="91"/>
      <c r="E15" s="91"/>
      <c r="F15" s="91"/>
      <c r="G15" s="91"/>
      <c r="L15" s="22"/>
      <c r="M15" s="22"/>
      <c r="N15" s="22"/>
      <c r="O15" s="22"/>
      <c r="P15" s="22"/>
    </row>
    <row r="16" spans="1:18">
      <c r="A16" s="25"/>
      <c r="B16" s="25"/>
      <c r="C16" s="25"/>
      <c r="D16" s="25"/>
      <c r="E16" s="25"/>
      <c r="F16" s="25"/>
      <c r="G16" s="25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0"/>
  <dimension ref="A1:Q16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6" width="9" style="18" customWidth="1"/>
    <col min="7" max="16384" width="9" style="18"/>
  </cols>
  <sheetData>
    <row r="1" spans="1:17">
      <c r="A1" s="70" t="s">
        <v>362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84" t="s">
        <v>210</v>
      </c>
      <c r="B3" s="76" t="s">
        <v>257</v>
      </c>
      <c r="C3" s="76"/>
      <c r="D3" s="76"/>
      <c r="E3" s="76"/>
      <c r="F3" s="76"/>
    </row>
    <row r="4" spans="1:17">
      <c r="A4" s="84"/>
      <c r="B4" s="11" t="s">
        <v>152</v>
      </c>
      <c r="C4" s="11" t="s">
        <v>153</v>
      </c>
      <c r="D4" s="11" t="s">
        <v>145</v>
      </c>
      <c r="E4" s="11" t="s">
        <v>22</v>
      </c>
      <c r="F4" s="11" t="s">
        <v>15</v>
      </c>
    </row>
    <row r="5" spans="1:17">
      <c r="A5" s="78" t="s">
        <v>205</v>
      </c>
      <c r="B5" s="20">
        <v>250</v>
      </c>
      <c r="C5" s="20">
        <v>1811</v>
      </c>
      <c r="D5" s="20">
        <v>357</v>
      </c>
      <c r="E5" s="20">
        <v>224</v>
      </c>
      <c r="F5" s="20">
        <v>2642</v>
      </c>
    </row>
    <row r="6" spans="1:17">
      <c r="A6" s="77"/>
      <c r="B6" s="21">
        <v>9.5000000000000001E-2</v>
      </c>
      <c r="C6" s="21">
        <v>0.68500000000000005</v>
      </c>
      <c r="D6" s="21">
        <v>0.13500000000000001</v>
      </c>
      <c r="E6" s="21">
        <v>8.5000000000000006E-2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 s="23" customFormat="1">
      <c r="A7" s="78" t="s">
        <v>207</v>
      </c>
      <c r="B7" s="20">
        <v>317</v>
      </c>
      <c r="C7" s="20">
        <v>1958</v>
      </c>
      <c r="D7" s="20">
        <v>414</v>
      </c>
      <c r="E7" s="20">
        <v>317</v>
      </c>
      <c r="F7" s="20">
        <v>3006</v>
      </c>
    </row>
    <row r="8" spans="1:17">
      <c r="A8" s="79"/>
      <c r="B8" s="21">
        <v>0.105</v>
      </c>
      <c r="C8" s="21">
        <v>0.65100000000000002</v>
      </c>
      <c r="D8" s="21">
        <v>0.13800000000000001</v>
      </c>
      <c r="E8" s="21">
        <v>0.105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>
      <c r="A9" s="78" t="s">
        <v>208</v>
      </c>
      <c r="B9" s="24">
        <v>27</v>
      </c>
      <c r="C9" s="24">
        <v>133</v>
      </c>
      <c r="D9" s="24">
        <v>48</v>
      </c>
      <c r="E9" s="24">
        <v>26</v>
      </c>
      <c r="F9" s="24">
        <v>234</v>
      </c>
      <c r="K9" s="22"/>
      <c r="L9" s="22"/>
      <c r="M9" s="22"/>
      <c r="N9" s="22"/>
      <c r="O9" s="22"/>
    </row>
    <row r="10" spans="1:17">
      <c r="A10" s="79"/>
      <c r="B10" s="21">
        <v>0.115</v>
      </c>
      <c r="C10" s="21">
        <v>0.56799999999999995</v>
      </c>
      <c r="D10" s="21">
        <v>0.20499999999999999</v>
      </c>
      <c r="E10" s="21">
        <v>0.111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22</v>
      </c>
      <c r="B11" s="24">
        <v>1</v>
      </c>
      <c r="C11" s="24">
        <v>7</v>
      </c>
      <c r="D11" s="24">
        <v>3</v>
      </c>
      <c r="E11" s="24">
        <v>3</v>
      </c>
      <c r="F11" s="24">
        <v>14</v>
      </c>
      <c r="K11" s="22"/>
      <c r="L11" s="22"/>
      <c r="M11" s="22"/>
      <c r="N11" s="22"/>
      <c r="O11" s="22"/>
    </row>
    <row r="12" spans="1:17">
      <c r="A12" s="79"/>
      <c r="B12" s="21">
        <v>7.0999999999999994E-2</v>
      </c>
      <c r="C12" s="21">
        <v>0.5</v>
      </c>
      <c r="D12" s="21">
        <v>0.214</v>
      </c>
      <c r="E12" s="21">
        <v>0.214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 s="23" customFormat="1">
      <c r="A13" s="73" t="s">
        <v>15</v>
      </c>
      <c r="B13" s="20">
        <v>595</v>
      </c>
      <c r="C13" s="20">
        <v>3909</v>
      </c>
      <c r="D13" s="20">
        <v>822</v>
      </c>
      <c r="E13" s="20">
        <v>570</v>
      </c>
      <c r="F13" s="20">
        <v>5896</v>
      </c>
    </row>
    <row r="14" spans="1:17">
      <c r="A14" s="74"/>
      <c r="B14" s="21">
        <v>0.10100000000000001</v>
      </c>
      <c r="C14" s="21">
        <v>0.66300000000000003</v>
      </c>
      <c r="D14" s="21">
        <v>0.13900000000000001</v>
      </c>
      <c r="E14" s="21">
        <v>9.7000000000000003E-2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>
      <c r="A15" s="71" t="s">
        <v>591</v>
      </c>
      <c r="B15" s="71"/>
      <c r="C15" s="71"/>
      <c r="D15" s="71"/>
      <c r="E15" s="71"/>
      <c r="F15" s="71"/>
      <c r="K15" s="22"/>
      <c r="L15" s="22"/>
      <c r="M15" s="22"/>
      <c r="N15" s="22"/>
      <c r="O15" s="22"/>
    </row>
    <row r="16" spans="1:17">
      <c r="A16" s="25"/>
      <c r="B16" s="25"/>
      <c r="C16" s="25"/>
      <c r="D16" s="25"/>
      <c r="E16" s="25"/>
      <c r="F16" s="25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1"/>
  <dimension ref="A1:P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8.875" style="18" customWidth="1"/>
    <col min="6" max="16384" width="9" style="18"/>
  </cols>
  <sheetData>
    <row r="1" spans="1:16">
      <c r="A1" s="70" t="s">
        <v>363</v>
      </c>
      <c r="B1" s="70"/>
      <c r="C1" s="70"/>
      <c r="D1" s="70"/>
      <c r="E1" s="70"/>
    </row>
    <row r="2" spans="1:16">
      <c r="A2" s="121" t="s">
        <v>613</v>
      </c>
      <c r="B2" s="36"/>
      <c r="C2" s="36"/>
      <c r="D2" s="36"/>
      <c r="E2" s="36"/>
    </row>
    <row r="3" spans="1:16">
      <c r="A3" s="84" t="s">
        <v>305</v>
      </c>
      <c r="B3" s="76" t="s">
        <v>116</v>
      </c>
      <c r="C3" s="76"/>
      <c r="D3" s="76"/>
      <c r="E3" s="76"/>
    </row>
    <row r="4" spans="1:16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6">
      <c r="A5" s="73" t="s">
        <v>209</v>
      </c>
      <c r="B5" s="20">
        <v>1621</v>
      </c>
      <c r="C5" s="20">
        <v>1079</v>
      </c>
      <c r="D5" s="20">
        <v>14</v>
      </c>
      <c r="E5" s="20">
        <v>2714</v>
      </c>
    </row>
    <row r="6" spans="1:16">
      <c r="A6" s="77"/>
      <c r="B6" s="21">
        <v>0.59699999999999998</v>
      </c>
      <c r="C6" s="21">
        <v>0.39800000000000002</v>
      </c>
      <c r="D6" s="21">
        <v>5.0000000000000001E-3</v>
      </c>
      <c r="E6" s="21">
        <v>1</v>
      </c>
      <c r="J6" s="22"/>
      <c r="K6" s="22"/>
      <c r="L6" s="22"/>
      <c r="M6" s="22"/>
      <c r="N6" s="22"/>
      <c r="O6" s="22"/>
      <c r="P6" s="22"/>
    </row>
    <row r="7" spans="1:16" s="23" customFormat="1">
      <c r="A7" s="78" t="s">
        <v>303</v>
      </c>
      <c r="B7" s="20">
        <v>1737</v>
      </c>
      <c r="C7" s="20">
        <v>1343</v>
      </c>
      <c r="D7" s="20">
        <v>18</v>
      </c>
      <c r="E7" s="20">
        <v>3098</v>
      </c>
    </row>
    <row r="8" spans="1:16">
      <c r="A8" s="79"/>
      <c r="B8" s="21">
        <v>0.56100000000000005</v>
      </c>
      <c r="C8" s="21">
        <v>0.434</v>
      </c>
      <c r="D8" s="21">
        <v>6.0000000000000001E-3</v>
      </c>
      <c r="E8" s="21">
        <v>1</v>
      </c>
      <c r="J8" s="22"/>
      <c r="K8" s="22"/>
      <c r="L8" s="22"/>
      <c r="M8" s="22"/>
      <c r="N8" s="22"/>
      <c r="O8" s="22"/>
      <c r="P8" s="22"/>
    </row>
    <row r="9" spans="1:16">
      <c r="A9" s="78" t="s">
        <v>304</v>
      </c>
      <c r="B9" s="24">
        <v>111</v>
      </c>
      <c r="C9" s="24">
        <v>131</v>
      </c>
      <c r="D9" s="24">
        <v>1</v>
      </c>
      <c r="E9" s="24">
        <v>243</v>
      </c>
      <c r="J9" s="22"/>
      <c r="K9" s="22"/>
      <c r="L9" s="22"/>
      <c r="M9" s="22"/>
      <c r="N9" s="22"/>
    </row>
    <row r="10" spans="1:16">
      <c r="A10" s="79"/>
      <c r="B10" s="21">
        <v>0.45700000000000002</v>
      </c>
      <c r="C10" s="21">
        <v>0.53900000000000003</v>
      </c>
      <c r="D10" s="21">
        <v>4.0000000000000001E-3</v>
      </c>
      <c r="E10" s="21">
        <v>1</v>
      </c>
      <c r="J10" s="22"/>
      <c r="K10" s="22"/>
      <c r="L10" s="22"/>
      <c r="M10" s="22"/>
      <c r="N10" s="22"/>
      <c r="O10" s="22"/>
      <c r="P10" s="22"/>
    </row>
    <row r="11" spans="1:16">
      <c r="A11" s="78" t="s">
        <v>22</v>
      </c>
      <c r="B11" s="24">
        <v>6</v>
      </c>
      <c r="C11" s="24">
        <v>9</v>
      </c>
      <c r="D11" s="24">
        <v>0</v>
      </c>
      <c r="E11" s="24">
        <v>15</v>
      </c>
      <c r="J11" s="22"/>
      <c r="K11" s="22"/>
      <c r="L11" s="22"/>
      <c r="M11" s="22"/>
      <c r="N11" s="22"/>
    </row>
    <row r="12" spans="1:16">
      <c r="A12" s="79"/>
      <c r="B12" s="21">
        <v>0.4</v>
      </c>
      <c r="C12" s="21">
        <v>0.6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</row>
    <row r="13" spans="1:16" s="23" customFormat="1">
      <c r="A13" s="73" t="s">
        <v>15</v>
      </c>
      <c r="B13" s="20">
        <v>3475</v>
      </c>
      <c r="C13" s="20">
        <v>2562</v>
      </c>
      <c r="D13" s="20">
        <v>33</v>
      </c>
      <c r="E13" s="20">
        <v>6070</v>
      </c>
    </row>
    <row r="14" spans="1:16">
      <c r="A14" s="74"/>
      <c r="B14" s="21">
        <v>0.57199999999999995</v>
      </c>
      <c r="C14" s="21">
        <v>0.42199999999999999</v>
      </c>
      <c r="D14" s="21">
        <v>5.0000000000000001E-3</v>
      </c>
      <c r="E14" s="21">
        <v>1</v>
      </c>
      <c r="J14" s="22"/>
      <c r="K14" s="22"/>
      <c r="L14" s="22"/>
      <c r="M14" s="22"/>
      <c r="N14" s="22"/>
      <c r="O14" s="22"/>
      <c r="P14" s="22"/>
    </row>
    <row r="15" spans="1:16">
      <c r="A15" s="71" t="s">
        <v>45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6">
      <c r="A16" s="25"/>
      <c r="B16" s="25"/>
      <c r="C16" s="25"/>
      <c r="D16" s="25"/>
      <c r="E16" s="25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2"/>
  <dimension ref="A1:P16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2" width="18.375" style="18" bestFit="1" customWidth="1"/>
    <col min="3" max="3" width="25" style="18" bestFit="1" customWidth="1"/>
    <col min="4" max="5" width="8.875" style="18" customWidth="1"/>
    <col min="6" max="16384" width="9" style="18"/>
  </cols>
  <sheetData>
    <row r="1" spans="1:16">
      <c r="A1" s="70" t="s">
        <v>364</v>
      </c>
      <c r="B1" s="70"/>
      <c r="C1" s="70"/>
      <c r="D1" s="70"/>
      <c r="E1" s="70"/>
    </row>
    <row r="2" spans="1:16">
      <c r="A2" s="121" t="s">
        <v>613</v>
      </c>
      <c r="B2" s="36"/>
      <c r="C2" s="36"/>
      <c r="D2" s="36"/>
      <c r="E2" s="36"/>
    </row>
    <row r="3" spans="1:16">
      <c r="A3" s="84" t="s">
        <v>210</v>
      </c>
      <c r="B3" s="76" t="s">
        <v>117</v>
      </c>
      <c r="C3" s="76"/>
      <c r="D3" s="76"/>
      <c r="E3" s="76"/>
    </row>
    <row r="4" spans="1:16" ht="28.5">
      <c r="A4" s="84"/>
      <c r="B4" s="11" t="s">
        <v>187</v>
      </c>
      <c r="C4" s="11" t="s">
        <v>188</v>
      </c>
      <c r="D4" s="11" t="s">
        <v>22</v>
      </c>
      <c r="E4" s="11" t="s">
        <v>15</v>
      </c>
    </row>
    <row r="5" spans="1:16">
      <c r="A5" s="73" t="s">
        <v>19</v>
      </c>
      <c r="B5" s="20">
        <v>1787</v>
      </c>
      <c r="C5" s="20">
        <v>926</v>
      </c>
      <c r="D5" s="20">
        <v>1</v>
      </c>
      <c r="E5" s="20">
        <v>2714</v>
      </c>
    </row>
    <row r="6" spans="1:16">
      <c r="A6" s="77"/>
      <c r="B6" s="21">
        <v>0.65800000000000003</v>
      </c>
      <c r="C6" s="21">
        <v>0.34100000000000003</v>
      </c>
      <c r="D6" s="21">
        <v>0</v>
      </c>
      <c r="E6" s="21">
        <v>1</v>
      </c>
      <c r="J6" s="22"/>
      <c r="K6" s="22"/>
      <c r="L6" s="22"/>
      <c r="M6" s="22"/>
      <c r="N6" s="22"/>
      <c r="O6" s="22"/>
      <c r="P6" s="22"/>
    </row>
    <row r="7" spans="1:16" s="23" customFormat="1">
      <c r="A7" s="78" t="s">
        <v>207</v>
      </c>
      <c r="B7" s="20">
        <v>2068</v>
      </c>
      <c r="C7" s="20">
        <v>1026</v>
      </c>
      <c r="D7" s="20">
        <v>4</v>
      </c>
      <c r="E7" s="20">
        <v>3098</v>
      </c>
    </row>
    <row r="8" spans="1:16">
      <c r="A8" s="79"/>
      <c r="B8" s="21">
        <v>0.66800000000000004</v>
      </c>
      <c r="C8" s="21">
        <v>0.33100000000000002</v>
      </c>
      <c r="D8" s="21">
        <v>1E-3</v>
      </c>
      <c r="E8" s="21">
        <v>1</v>
      </c>
      <c r="J8" s="22"/>
      <c r="K8" s="22"/>
      <c r="L8" s="22"/>
      <c r="M8" s="22"/>
      <c r="N8" s="22"/>
      <c r="O8" s="22"/>
      <c r="P8" s="22"/>
    </row>
    <row r="9" spans="1:16">
      <c r="A9" s="78" t="s">
        <v>208</v>
      </c>
      <c r="B9" s="24">
        <v>175</v>
      </c>
      <c r="C9" s="24">
        <v>68</v>
      </c>
      <c r="D9" s="24">
        <v>0</v>
      </c>
      <c r="E9" s="24">
        <v>243</v>
      </c>
      <c r="J9" s="22"/>
      <c r="K9" s="22"/>
      <c r="L9" s="22"/>
      <c r="M9" s="22"/>
      <c r="N9" s="22"/>
    </row>
    <row r="10" spans="1:16">
      <c r="A10" s="79"/>
      <c r="B10" s="21">
        <v>0.72</v>
      </c>
      <c r="C10" s="21">
        <v>0.28000000000000003</v>
      </c>
      <c r="D10" s="21">
        <v>0</v>
      </c>
      <c r="E10" s="21">
        <v>1</v>
      </c>
      <c r="J10" s="22"/>
      <c r="K10" s="22"/>
      <c r="L10" s="22"/>
      <c r="M10" s="22"/>
      <c r="N10" s="22"/>
      <c r="O10" s="22"/>
      <c r="P10" s="22"/>
    </row>
    <row r="11" spans="1:16">
      <c r="A11" s="78" t="s">
        <v>22</v>
      </c>
      <c r="B11" s="24">
        <v>8</v>
      </c>
      <c r="C11" s="24">
        <v>7</v>
      </c>
      <c r="D11" s="24">
        <v>0</v>
      </c>
      <c r="E11" s="24">
        <v>15</v>
      </c>
      <c r="J11" s="22"/>
      <c r="K11" s="22"/>
      <c r="L11" s="22"/>
      <c r="M11" s="22"/>
      <c r="N11" s="22"/>
    </row>
    <row r="12" spans="1:16">
      <c r="A12" s="79"/>
      <c r="B12" s="21">
        <v>0.53300000000000003</v>
      </c>
      <c r="C12" s="21">
        <v>0.46700000000000003</v>
      </c>
      <c r="D12" s="21">
        <v>0</v>
      </c>
      <c r="E12" s="21">
        <v>1</v>
      </c>
      <c r="J12" s="22"/>
      <c r="K12" s="22"/>
      <c r="L12" s="22"/>
      <c r="M12" s="22"/>
      <c r="N12" s="22"/>
      <c r="O12" s="22"/>
      <c r="P12" s="22"/>
    </row>
    <row r="13" spans="1:16" s="23" customFormat="1">
      <c r="A13" s="73" t="s">
        <v>15</v>
      </c>
      <c r="B13" s="20">
        <v>4038</v>
      </c>
      <c r="C13" s="20">
        <v>2027</v>
      </c>
      <c r="D13" s="20">
        <v>5</v>
      </c>
      <c r="E13" s="20">
        <v>6070</v>
      </c>
    </row>
    <row r="14" spans="1:16">
      <c r="A14" s="74"/>
      <c r="B14" s="21">
        <v>0.66500000000000004</v>
      </c>
      <c r="C14" s="21">
        <v>0.33400000000000002</v>
      </c>
      <c r="D14" s="21">
        <v>1E-3</v>
      </c>
      <c r="E14" s="21">
        <v>1</v>
      </c>
      <c r="J14" s="22"/>
      <c r="K14" s="22"/>
      <c r="L14" s="22"/>
      <c r="M14" s="22"/>
      <c r="N14" s="22"/>
      <c r="O14" s="22"/>
      <c r="P14" s="22"/>
    </row>
    <row r="15" spans="1:16">
      <c r="A15" s="71" t="s">
        <v>50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6">
      <c r="A16" s="25"/>
      <c r="B16" s="25"/>
      <c r="C16" s="25"/>
      <c r="D16" s="25"/>
      <c r="E16" s="25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3"/>
  <dimension ref="A1:Q16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13.875" style="18" bestFit="1" customWidth="1"/>
    <col min="4" max="4" width="9.5" style="18" bestFit="1" customWidth="1"/>
    <col min="5" max="6" width="8.875" style="18" customWidth="1"/>
    <col min="7" max="16384" width="9" style="18"/>
  </cols>
  <sheetData>
    <row r="1" spans="1:17">
      <c r="A1" s="70" t="s">
        <v>365</v>
      </c>
      <c r="B1" s="70"/>
      <c r="C1" s="70"/>
      <c r="D1" s="70"/>
      <c r="E1" s="70"/>
      <c r="F1" s="70"/>
    </row>
    <row r="2" spans="1:17">
      <c r="A2" s="121" t="s">
        <v>613</v>
      </c>
      <c r="B2" s="36"/>
      <c r="C2" s="36"/>
      <c r="D2" s="36"/>
      <c r="E2" s="36"/>
      <c r="F2" s="36"/>
    </row>
    <row r="3" spans="1:17">
      <c r="A3" s="84" t="s">
        <v>210</v>
      </c>
      <c r="B3" s="76" t="s">
        <v>118</v>
      </c>
      <c r="C3" s="76"/>
      <c r="D3" s="76"/>
      <c r="E3" s="76"/>
      <c r="F3" s="76"/>
    </row>
    <row r="4" spans="1:17">
      <c r="A4" s="84"/>
      <c r="B4" s="11" t="s">
        <v>52</v>
      </c>
      <c r="C4" s="11" t="s">
        <v>53</v>
      </c>
      <c r="D4" s="11" t="s">
        <v>54</v>
      </c>
      <c r="E4" s="11" t="s">
        <v>22</v>
      </c>
      <c r="F4" s="11" t="s">
        <v>15</v>
      </c>
    </row>
    <row r="5" spans="1:17">
      <c r="A5" s="73" t="s">
        <v>19</v>
      </c>
      <c r="B5" s="20">
        <v>270</v>
      </c>
      <c r="C5" s="20">
        <v>1303</v>
      </c>
      <c r="D5" s="20">
        <v>1141</v>
      </c>
      <c r="E5" s="20">
        <v>0</v>
      </c>
      <c r="F5" s="20">
        <v>2714</v>
      </c>
    </row>
    <row r="6" spans="1:17">
      <c r="A6" s="77"/>
      <c r="B6" s="21">
        <v>9.9000000000000005E-2</v>
      </c>
      <c r="C6" s="21">
        <v>0.48</v>
      </c>
      <c r="D6" s="21">
        <v>0.42</v>
      </c>
      <c r="E6" s="21">
        <v>0</v>
      </c>
      <c r="F6" s="21">
        <v>1</v>
      </c>
      <c r="K6" s="22"/>
      <c r="L6" s="22"/>
      <c r="M6" s="22"/>
      <c r="N6" s="22"/>
      <c r="O6" s="22"/>
      <c r="P6" s="22"/>
      <c r="Q6" s="22"/>
    </row>
    <row r="7" spans="1:17" s="23" customFormat="1">
      <c r="A7" s="92" t="s">
        <v>207</v>
      </c>
      <c r="B7" s="20">
        <v>253</v>
      </c>
      <c r="C7" s="20">
        <v>1330</v>
      </c>
      <c r="D7" s="20">
        <v>1512</v>
      </c>
      <c r="E7" s="20">
        <v>3</v>
      </c>
      <c r="F7" s="20">
        <v>3098</v>
      </c>
    </row>
    <row r="8" spans="1:17">
      <c r="A8" s="79"/>
      <c r="B8" s="21">
        <v>8.2000000000000003E-2</v>
      </c>
      <c r="C8" s="21">
        <v>0.42899999999999999</v>
      </c>
      <c r="D8" s="21">
        <v>0.48799999999999999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</row>
    <row r="9" spans="1:17">
      <c r="A9" s="78" t="s">
        <v>208</v>
      </c>
      <c r="B9" s="24">
        <v>26</v>
      </c>
      <c r="C9" s="24">
        <v>101</v>
      </c>
      <c r="D9" s="24">
        <v>116</v>
      </c>
      <c r="E9" s="24">
        <v>0</v>
      </c>
      <c r="F9" s="24">
        <v>243</v>
      </c>
      <c r="K9" s="22"/>
      <c r="L9" s="22"/>
      <c r="M9" s="22"/>
      <c r="N9" s="22"/>
      <c r="O9" s="22"/>
    </row>
    <row r="10" spans="1:17">
      <c r="A10" s="79"/>
      <c r="B10" s="21">
        <v>0.107</v>
      </c>
      <c r="C10" s="21">
        <v>0.41599999999999998</v>
      </c>
      <c r="D10" s="21">
        <v>0.47699999999999998</v>
      </c>
      <c r="E10" s="21">
        <v>0</v>
      </c>
      <c r="F10" s="21">
        <v>1</v>
      </c>
      <c r="K10" s="22"/>
      <c r="L10" s="22"/>
      <c r="M10" s="22"/>
      <c r="N10" s="22"/>
      <c r="O10" s="22"/>
      <c r="P10" s="22"/>
      <c r="Q10" s="22"/>
    </row>
    <row r="11" spans="1:17">
      <c r="A11" s="78" t="s">
        <v>22</v>
      </c>
      <c r="B11" s="24">
        <v>4</v>
      </c>
      <c r="C11" s="24">
        <v>6</v>
      </c>
      <c r="D11" s="24">
        <v>5</v>
      </c>
      <c r="E11" s="24">
        <v>0</v>
      </c>
      <c r="F11" s="24">
        <v>15</v>
      </c>
      <c r="K11" s="22"/>
      <c r="L11" s="22"/>
      <c r="M11" s="22"/>
      <c r="N11" s="22"/>
      <c r="O11" s="22"/>
    </row>
    <row r="12" spans="1:17">
      <c r="A12" s="79"/>
      <c r="B12" s="21">
        <v>0.26700000000000002</v>
      </c>
      <c r="C12" s="21">
        <v>0.4</v>
      </c>
      <c r="D12" s="21">
        <v>0.33300000000000002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</row>
    <row r="13" spans="1:17" s="23" customFormat="1">
      <c r="A13" s="89" t="s">
        <v>15</v>
      </c>
      <c r="B13" s="20">
        <v>553</v>
      </c>
      <c r="C13" s="20">
        <v>2740</v>
      </c>
      <c r="D13" s="20">
        <v>2774</v>
      </c>
      <c r="E13" s="20">
        <v>3</v>
      </c>
      <c r="F13" s="20">
        <v>6070</v>
      </c>
    </row>
    <row r="14" spans="1:17">
      <c r="A14" s="74"/>
      <c r="B14" s="21">
        <v>9.0999999999999998E-2</v>
      </c>
      <c r="C14" s="21">
        <v>0.45100000000000001</v>
      </c>
      <c r="D14" s="21">
        <v>0.45700000000000002</v>
      </c>
      <c r="E14" s="21">
        <v>0</v>
      </c>
      <c r="F14" s="21">
        <v>1</v>
      </c>
      <c r="K14" s="22"/>
      <c r="L14" s="22"/>
      <c r="M14" s="22"/>
      <c r="N14" s="22"/>
      <c r="O14" s="22"/>
      <c r="P14" s="22"/>
      <c r="Q14" s="22"/>
    </row>
    <row r="15" spans="1:17">
      <c r="A15" s="90" t="s">
        <v>58</v>
      </c>
      <c r="B15" s="90"/>
      <c r="C15" s="90"/>
      <c r="D15" s="90"/>
      <c r="E15" s="90"/>
      <c r="F15" s="90"/>
      <c r="K15" s="22"/>
      <c r="L15" s="22"/>
      <c r="M15" s="22"/>
      <c r="N15" s="22"/>
      <c r="O15" s="22"/>
    </row>
    <row r="16" spans="1:17">
      <c r="A16" s="25"/>
      <c r="B16" s="25"/>
      <c r="C16" s="25"/>
      <c r="D16" s="25"/>
      <c r="E16" s="25"/>
      <c r="F16" s="25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4"/>
  <dimension ref="A1:T16"/>
  <sheetViews>
    <sheetView workbookViewId="0">
      <selection activeCell="A2" sqref="A2"/>
    </sheetView>
  </sheetViews>
  <sheetFormatPr defaultColWidth="9" defaultRowHeight="14.25"/>
  <cols>
    <col min="1" max="1" width="10.375" style="18" customWidth="1"/>
    <col min="2" max="8" width="8.875" style="18" customWidth="1"/>
    <col min="9" max="16384" width="9" style="18"/>
  </cols>
  <sheetData>
    <row r="1" spans="1:20">
      <c r="A1" s="70" t="s">
        <v>366</v>
      </c>
      <c r="B1" s="70"/>
      <c r="C1" s="70"/>
      <c r="D1" s="70"/>
      <c r="E1" s="70"/>
      <c r="F1" s="70"/>
      <c r="G1" s="70"/>
      <c r="H1" s="70"/>
    </row>
    <row r="2" spans="1:20">
      <c r="A2" s="121" t="s">
        <v>613</v>
      </c>
      <c r="B2" s="36"/>
      <c r="C2" s="36"/>
      <c r="D2" s="36"/>
      <c r="E2" s="36"/>
      <c r="F2" s="36"/>
      <c r="G2" s="36"/>
      <c r="H2" s="36"/>
    </row>
    <row r="3" spans="1:20">
      <c r="A3" s="84" t="s">
        <v>210</v>
      </c>
      <c r="B3" s="76" t="s">
        <v>119</v>
      </c>
      <c r="C3" s="76"/>
      <c r="D3" s="76"/>
      <c r="E3" s="76"/>
      <c r="F3" s="76"/>
      <c r="G3" s="76"/>
      <c r="H3" s="76"/>
    </row>
    <row r="4" spans="1:20" ht="42.75">
      <c r="A4" s="84"/>
      <c r="B4" s="11" t="s">
        <v>61</v>
      </c>
      <c r="C4" s="11" t="s">
        <v>156</v>
      </c>
      <c r="D4" s="11" t="s">
        <v>157</v>
      </c>
      <c r="E4" s="11" t="s">
        <v>62</v>
      </c>
      <c r="F4" s="11" t="s">
        <v>63</v>
      </c>
      <c r="G4" s="11" t="s">
        <v>22</v>
      </c>
      <c r="H4" s="11" t="s">
        <v>15</v>
      </c>
    </row>
    <row r="5" spans="1:20">
      <c r="A5" s="78" t="s">
        <v>205</v>
      </c>
      <c r="B5" s="20">
        <v>301</v>
      </c>
      <c r="C5" s="20">
        <v>688</v>
      </c>
      <c r="D5" s="20">
        <v>507</v>
      </c>
      <c r="E5" s="20">
        <v>761</v>
      </c>
      <c r="F5" s="20">
        <v>455</v>
      </c>
      <c r="G5" s="20">
        <v>2</v>
      </c>
      <c r="H5" s="20">
        <v>2714</v>
      </c>
    </row>
    <row r="6" spans="1:20">
      <c r="A6" s="77"/>
      <c r="B6" s="21">
        <v>0.111</v>
      </c>
      <c r="C6" s="21">
        <v>0.254</v>
      </c>
      <c r="D6" s="21">
        <v>0.187</v>
      </c>
      <c r="E6" s="21">
        <v>0.28000000000000003</v>
      </c>
      <c r="F6" s="21">
        <v>0.16800000000000001</v>
      </c>
      <c r="G6" s="21">
        <v>1E-3</v>
      </c>
      <c r="H6" s="21">
        <v>1</v>
      </c>
      <c r="M6" s="22"/>
      <c r="N6" s="22"/>
      <c r="O6" s="22"/>
      <c r="P6" s="22"/>
      <c r="Q6" s="22"/>
      <c r="R6" s="22"/>
      <c r="S6" s="22"/>
      <c r="T6" s="22"/>
    </row>
    <row r="7" spans="1:20">
      <c r="A7" s="78" t="s">
        <v>207</v>
      </c>
      <c r="B7" s="24">
        <v>282</v>
      </c>
      <c r="C7" s="24">
        <v>772</v>
      </c>
      <c r="D7" s="24">
        <v>595</v>
      </c>
      <c r="E7" s="24">
        <v>973</v>
      </c>
      <c r="F7" s="24">
        <v>476</v>
      </c>
      <c r="G7" s="24">
        <v>0</v>
      </c>
      <c r="H7" s="20">
        <v>3098</v>
      </c>
      <c r="M7" s="22"/>
      <c r="N7" s="22"/>
      <c r="O7" s="22"/>
      <c r="P7" s="22"/>
      <c r="Q7" s="22"/>
    </row>
    <row r="8" spans="1:20">
      <c r="A8" s="79"/>
      <c r="B8" s="21">
        <v>9.0999999999999998E-2</v>
      </c>
      <c r="C8" s="21">
        <v>0.249</v>
      </c>
      <c r="D8" s="21">
        <v>0.192</v>
      </c>
      <c r="E8" s="21">
        <v>0.314</v>
      </c>
      <c r="F8" s="21">
        <v>0.154</v>
      </c>
      <c r="G8" s="21">
        <v>0</v>
      </c>
      <c r="H8" s="21">
        <v>1</v>
      </c>
      <c r="M8" s="22"/>
      <c r="N8" s="22"/>
      <c r="O8" s="22"/>
      <c r="P8" s="22"/>
      <c r="Q8" s="22"/>
      <c r="R8" s="22"/>
      <c r="S8" s="22"/>
      <c r="T8" s="22"/>
    </row>
    <row r="9" spans="1:20">
      <c r="A9" s="78" t="s">
        <v>208</v>
      </c>
      <c r="B9" s="24">
        <v>33</v>
      </c>
      <c r="C9" s="24">
        <v>64</v>
      </c>
      <c r="D9" s="24">
        <v>32</v>
      </c>
      <c r="E9" s="24">
        <v>79</v>
      </c>
      <c r="F9" s="24">
        <v>35</v>
      </c>
      <c r="G9" s="24">
        <v>0</v>
      </c>
      <c r="H9" s="24">
        <v>243</v>
      </c>
      <c r="M9" s="22"/>
      <c r="N9" s="22"/>
      <c r="O9" s="22"/>
      <c r="P9" s="22"/>
      <c r="Q9" s="22"/>
    </row>
    <row r="10" spans="1:20">
      <c r="A10" s="79"/>
      <c r="B10" s="21">
        <v>0.13600000000000001</v>
      </c>
      <c r="C10" s="21">
        <v>0.26300000000000001</v>
      </c>
      <c r="D10" s="21">
        <v>0.13200000000000001</v>
      </c>
      <c r="E10" s="21">
        <v>0.32500000000000001</v>
      </c>
      <c r="F10" s="21">
        <v>0.14399999999999999</v>
      </c>
      <c r="G10" s="21">
        <v>0</v>
      </c>
      <c r="H10" s="21">
        <v>1</v>
      </c>
      <c r="M10" s="22"/>
      <c r="N10" s="22"/>
      <c r="O10" s="22"/>
      <c r="P10" s="22"/>
      <c r="Q10" s="22"/>
      <c r="R10" s="22"/>
      <c r="S10" s="22"/>
      <c r="T10" s="22"/>
    </row>
    <row r="11" spans="1:20">
      <c r="A11" s="78" t="s">
        <v>22</v>
      </c>
      <c r="B11" s="24">
        <v>1</v>
      </c>
      <c r="C11" s="24">
        <v>6</v>
      </c>
      <c r="D11" s="24">
        <v>1</v>
      </c>
      <c r="E11" s="24">
        <v>3</v>
      </c>
      <c r="F11" s="24">
        <v>4</v>
      </c>
      <c r="G11" s="24">
        <v>0</v>
      </c>
      <c r="H11" s="24">
        <v>15</v>
      </c>
      <c r="M11" s="22"/>
      <c r="N11" s="22"/>
      <c r="O11" s="22"/>
      <c r="P11" s="22"/>
      <c r="Q11" s="22"/>
    </row>
    <row r="12" spans="1:20">
      <c r="A12" s="79"/>
      <c r="B12" s="21">
        <v>6.7000000000000004E-2</v>
      </c>
      <c r="C12" s="21">
        <v>0.4</v>
      </c>
      <c r="D12" s="21">
        <v>6.7000000000000004E-2</v>
      </c>
      <c r="E12" s="21">
        <v>0.2</v>
      </c>
      <c r="F12" s="21">
        <v>0.26700000000000002</v>
      </c>
      <c r="G12" s="21">
        <v>0</v>
      </c>
      <c r="H12" s="21">
        <v>1</v>
      </c>
      <c r="M12" s="22"/>
      <c r="N12" s="22"/>
      <c r="O12" s="22"/>
      <c r="P12" s="22"/>
      <c r="Q12" s="22"/>
      <c r="R12" s="22"/>
      <c r="S12" s="22"/>
      <c r="T12" s="22"/>
    </row>
    <row r="13" spans="1:20" s="23" customFormat="1">
      <c r="A13" s="73" t="s">
        <v>15</v>
      </c>
      <c r="B13" s="20">
        <v>617</v>
      </c>
      <c r="C13" s="20">
        <v>1530</v>
      </c>
      <c r="D13" s="20">
        <v>1135</v>
      </c>
      <c r="E13" s="20">
        <v>1816</v>
      </c>
      <c r="F13" s="20">
        <v>970</v>
      </c>
      <c r="G13" s="20">
        <v>2</v>
      </c>
      <c r="H13" s="20">
        <v>6070</v>
      </c>
    </row>
    <row r="14" spans="1:20">
      <c r="A14" s="74"/>
      <c r="B14" s="21">
        <v>0.10199999999999999</v>
      </c>
      <c r="C14" s="21">
        <v>0.252</v>
      </c>
      <c r="D14" s="21">
        <v>0.187</v>
      </c>
      <c r="E14" s="21">
        <v>0.29899999999999999</v>
      </c>
      <c r="F14" s="21">
        <v>0.16</v>
      </c>
      <c r="G14" s="21">
        <v>0</v>
      </c>
      <c r="H14" s="21">
        <v>1</v>
      </c>
      <c r="M14" s="22"/>
      <c r="N14" s="22"/>
      <c r="O14" s="22"/>
      <c r="P14" s="22"/>
      <c r="Q14" s="22"/>
      <c r="R14" s="22"/>
      <c r="S14" s="22"/>
      <c r="T14" s="22"/>
    </row>
    <row r="15" spans="1:20">
      <c r="A15" s="71" t="s">
        <v>65</v>
      </c>
      <c r="B15" s="71"/>
      <c r="C15" s="71"/>
      <c r="D15" s="71"/>
      <c r="E15" s="71"/>
      <c r="F15" s="71"/>
      <c r="G15" s="71"/>
      <c r="H15" s="71"/>
      <c r="M15" s="22"/>
      <c r="N15" s="22"/>
      <c r="O15" s="22"/>
      <c r="P15" s="22"/>
      <c r="Q15" s="22"/>
    </row>
    <row r="16" spans="1:20">
      <c r="A16" s="25"/>
      <c r="B16" s="25"/>
      <c r="C16" s="25"/>
      <c r="D16" s="25"/>
      <c r="E16" s="25"/>
      <c r="F16" s="25"/>
      <c r="G16" s="25"/>
      <c r="H16" s="25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5"/>
  <dimension ref="A1:S16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7" width="8.875" style="18" customWidth="1"/>
    <col min="8" max="16384" width="9" style="18"/>
  </cols>
  <sheetData>
    <row r="1" spans="1:19">
      <c r="A1" s="70" t="s">
        <v>367</v>
      </c>
      <c r="B1" s="70"/>
      <c r="C1" s="70"/>
      <c r="D1" s="70"/>
      <c r="E1" s="70"/>
      <c r="F1" s="70"/>
      <c r="G1" s="70"/>
    </row>
    <row r="2" spans="1:19">
      <c r="A2" s="121" t="s">
        <v>613</v>
      </c>
      <c r="B2" s="36"/>
      <c r="C2" s="36"/>
      <c r="D2" s="36"/>
      <c r="E2" s="36"/>
      <c r="F2" s="36"/>
      <c r="G2" s="36"/>
    </row>
    <row r="3" spans="1:19">
      <c r="A3" s="84" t="s">
        <v>210</v>
      </c>
      <c r="B3" s="76" t="s">
        <v>120</v>
      </c>
      <c r="C3" s="76"/>
      <c r="D3" s="76"/>
      <c r="E3" s="76"/>
      <c r="F3" s="76"/>
      <c r="G3" s="76"/>
    </row>
    <row r="4" spans="1:19" ht="57">
      <c r="A4" s="84"/>
      <c r="B4" s="11" t="s">
        <v>69</v>
      </c>
      <c r="C4" s="11" t="s">
        <v>53</v>
      </c>
      <c r="D4" s="11" t="s">
        <v>54</v>
      </c>
      <c r="E4" s="11" t="s">
        <v>70</v>
      </c>
      <c r="F4" s="11" t="s">
        <v>22</v>
      </c>
      <c r="G4" s="11" t="s">
        <v>15</v>
      </c>
    </row>
    <row r="5" spans="1:19">
      <c r="A5" s="78" t="s">
        <v>209</v>
      </c>
      <c r="B5" s="20">
        <v>1095</v>
      </c>
      <c r="C5" s="20">
        <v>267</v>
      </c>
      <c r="D5" s="20">
        <v>156</v>
      </c>
      <c r="E5" s="20">
        <v>1190</v>
      </c>
      <c r="F5" s="20">
        <v>6</v>
      </c>
      <c r="G5" s="20">
        <v>2714</v>
      </c>
    </row>
    <row r="6" spans="1:19">
      <c r="A6" s="77"/>
      <c r="B6" s="21">
        <v>0.40300000000000002</v>
      </c>
      <c r="C6" s="21">
        <v>9.8000000000000004E-2</v>
      </c>
      <c r="D6" s="21">
        <v>5.7000000000000002E-2</v>
      </c>
      <c r="E6" s="21">
        <v>0.438</v>
      </c>
      <c r="F6" s="21">
        <v>2E-3</v>
      </c>
      <c r="G6" s="21">
        <v>1</v>
      </c>
      <c r="L6" s="22"/>
      <c r="M6" s="22"/>
      <c r="N6" s="22"/>
      <c r="O6" s="22"/>
      <c r="P6" s="22"/>
      <c r="Q6" s="22"/>
      <c r="R6" s="22"/>
      <c r="S6" s="22"/>
    </row>
    <row r="7" spans="1:19" s="23" customFormat="1">
      <c r="A7" s="78" t="s">
        <v>207</v>
      </c>
      <c r="B7" s="20">
        <v>1204</v>
      </c>
      <c r="C7" s="20">
        <v>269</v>
      </c>
      <c r="D7" s="20">
        <v>197</v>
      </c>
      <c r="E7" s="20">
        <v>1423</v>
      </c>
      <c r="F7" s="20">
        <v>5</v>
      </c>
      <c r="G7" s="20">
        <v>3098</v>
      </c>
    </row>
    <row r="8" spans="1:19">
      <c r="A8" s="79"/>
      <c r="B8" s="21">
        <v>0.38900000000000001</v>
      </c>
      <c r="C8" s="21">
        <v>8.6999999999999994E-2</v>
      </c>
      <c r="D8" s="21">
        <v>6.4000000000000001E-2</v>
      </c>
      <c r="E8" s="21">
        <v>0.45900000000000002</v>
      </c>
      <c r="F8" s="21">
        <v>2E-3</v>
      </c>
      <c r="G8" s="21">
        <v>1</v>
      </c>
      <c r="L8" s="22"/>
      <c r="M8" s="22"/>
      <c r="N8" s="22"/>
      <c r="O8" s="22"/>
      <c r="P8" s="22"/>
      <c r="Q8" s="22"/>
      <c r="R8" s="22"/>
      <c r="S8" s="22"/>
    </row>
    <row r="9" spans="1:19">
      <c r="A9" s="78" t="s">
        <v>208</v>
      </c>
      <c r="B9" s="24">
        <v>100</v>
      </c>
      <c r="C9" s="24">
        <v>25</v>
      </c>
      <c r="D9" s="24">
        <v>13</v>
      </c>
      <c r="E9" s="24">
        <v>104</v>
      </c>
      <c r="F9" s="24">
        <v>1</v>
      </c>
      <c r="G9" s="24">
        <v>243</v>
      </c>
      <c r="L9" s="22"/>
      <c r="M9" s="22"/>
      <c r="N9" s="22"/>
      <c r="O9" s="22"/>
      <c r="P9" s="22"/>
    </row>
    <row r="10" spans="1:19">
      <c r="A10" s="79"/>
      <c r="B10" s="21">
        <v>0.41199999999999998</v>
      </c>
      <c r="C10" s="21">
        <v>0.10299999999999999</v>
      </c>
      <c r="D10" s="21">
        <v>5.2999999999999999E-2</v>
      </c>
      <c r="E10" s="21">
        <v>0.42799999999999999</v>
      </c>
      <c r="F10" s="21">
        <v>4.0000000000000001E-3</v>
      </c>
      <c r="G10" s="21">
        <v>1</v>
      </c>
      <c r="L10" s="22"/>
      <c r="M10" s="22"/>
      <c r="N10" s="22"/>
      <c r="O10" s="22"/>
      <c r="P10" s="22"/>
      <c r="Q10" s="22"/>
      <c r="R10" s="22"/>
      <c r="S10" s="22"/>
    </row>
    <row r="11" spans="1:19">
      <c r="A11" s="78" t="s">
        <v>22</v>
      </c>
      <c r="B11" s="24">
        <v>5</v>
      </c>
      <c r="C11" s="24">
        <v>1</v>
      </c>
      <c r="D11" s="24">
        <v>2</v>
      </c>
      <c r="E11" s="24">
        <v>7</v>
      </c>
      <c r="F11" s="24">
        <v>0</v>
      </c>
      <c r="G11" s="24">
        <v>15</v>
      </c>
      <c r="L11" s="22"/>
      <c r="M11" s="22"/>
      <c r="N11" s="22"/>
      <c r="O11" s="22"/>
      <c r="P11" s="22"/>
    </row>
    <row r="12" spans="1:19">
      <c r="A12" s="79"/>
      <c r="B12" s="21">
        <v>0.33300000000000002</v>
      </c>
      <c r="C12" s="21">
        <v>6.7000000000000004E-2</v>
      </c>
      <c r="D12" s="21">
        <v>0.13300000000000001</v>
      </c>
      <c r="E12" s="21">
        <v>0.46700000000000003</v>
      </c>
      <c r="F12" s="21">
        <v>0</v>
      </c>
      <c r="G12" s="21">
        <v>1</v>
      </c>
      <c r="L12" s="22"/>
      <c r="M12" s="22"/>
      <c r="N12" s="22"/>
      <c r="O12" s="22"/>
      <c r="P12" s="22"/>
      <c r="Q12" s="22"/>
      <c r="R12" s="22"/>
      <c r="S12" s="22"/>
    </row>
    <row r="13" spans="1:19" s="23" customFormat="1">
      <c r="A13" s="73" t="s">
        <v>15</v>
      </c>
      <c r="B13" s="20">
        <v>2404</v>
      </c>
      <c r="C13" s="20">
        <v>562</v>
      </c>
      <c r="D13" s="20">
        <v>368</v>
      </c>
      <c r="E13" s="20">
        <v>2724</v>
      </c>
      <c r="F13" s="20">
        <v>12</v>
      </c>
      <c r="G13" s="20">
        <v>6070</v>
      </c>
    </row>
    <row r="14" spans="1:19">
      <c r="A14" s="74"/>
      <c r="B14" s="21">
        <v>0.39600000000000002</v>
      </c>
      <c r="C14" s="21">
        <v>9.2999999999999999E-2</v>
      </c>
      <c r="D14" s="21">
        <v>6.0999999999999999E-2</v>
      </c>
      <c r="E14" s="21">
        <v>0.44900000000000001</v>
      </c>
      <c r="F14" s="21">
        <v>2E-3</v>
      </c>
      <c r="G14" s="21">
        <v>1</v>
      </c>
      <c r="L14" s="22"/>
      <c r="M14" s="22"/>
      <c r="N14" s="22"/>
      <c r="O14" s="22"/>
      <c r="P14" s="22"/>
      <c r="Q14" s="22"/>
      <c r="R14" s="22"/>
      <c r="S14" s="22"/>
    </row>
    <row r="15" spans="1:19">
      <c r="A15" s="71" t="s">
        <v>71</v>
      </c>
      <c r="B15" s="71"/>
      <c r="C15" s="71"/>
      <c r="D15" s="71"/>
      <c r="E15" s="71"/>
      <c r="F15" s="71"/>
      <c r="G15" s="71"/>
      <c r="L15" s="22"/>
      <c r="M15" s="22"/>
      <c r="N15" s="22"/>
      <c r="O15" s="22"/>
      <c r="P15" s="22"/>
    </row>
    <row r="16" spans="1:19">
      <c r="A16" s="81"/>
      <c r="B16" s="81"/>
      <c r="C16" s="81"/>
      <c r="D16" s="81"/>
      <c r="E16" s="81"/>
      <c r="F16" s="81"/>
      <c r="G16" s="81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6"/>
  <dimension ref="A1:R16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3" width="8.875" style="18" customWidth="1"/>
    <col min="4" max="4" width="18.375" style="18" bestFit="1" customWidth="1"/>
    <col min="5" max="6" width="8.875" style="18" customWidth="1"/>
    <col min="7" max="16384" width="9" style="18"/>
  </cols>
  <sheetData>
    <row r="1" spans="1:18">
      <c r="A1" s="70" t="s">
        <v>368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10</v>
      </c>
      <c r="B3" s="76" t="s">
        <v>121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211</v>
      </c>
      <c r="E4" s="11" t="s">
        <v>22</v>
      </c>
      <c r="F4" s="11" t="s">
        <v>15</v>
      </c>
    </row>
    <row r="5" spans="1:18">
      <c r="A5" s="73" t="s">
        <v>19</v>
      </c>
      <c r="B5" s="20">
        <v>780</v>
      </c>
      <c r="C5" s="20">
        <v>944</v>
      </c>
      <c r="D5" s="20">
        <v>986</v>
      </c>
      <c r="E5" s="20">
        <v>4</v>
      </c>
      <c r="F5" s="20">
        <v>2714</v>
      </c>
    </row>
    <row r="6" spans="1:18">
      <c r="A6" s="77"/>
      <c r="B6" s="21">
        <v>0.28699999999999998</v>
      </c>
      <c r="C6" s="21">
        <v>0.34799999999999998</v>
      </c>
      <c r="D6" s="21">
        <v>0.36299999999999999</v>
      </c>
      <c r="E6" s="21">
        <v>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92" t="s">
        <v>207</v>
      </c>
      <c r="B7" s="20">
        <v>803</v>
      </c>
      <c r="C7" s="20">
        <v>1100</v>
      </c>
      <c r="D7" s="20">
        <v>1192</v>
      </c>
      <c r="E7" s="20">
        <v>3</v>
      </c>
      <c r="F7" s="20">
        <v>3098</v>
      </c>
    </row>
    <row r="8" spans="1:18">
      <c r="A8" s="79"/>
      <c r="B8" s="21">
        <v>0.25900000000000001</v>
      </c>
      <c r="C8" s="21">
        <v>0.35499999999999998</v>
      </c>
      <c r="D8" s="21">
        <v>0.38500000000000001</v>
      </c>
      <c r="E8" s="21">
        <v>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08</v>
      </c>
      <c r="B9" s="24">
        <v>78</v>
      </c>
      <c r="C9" s="24">
        <v>86</v>
      </c>
      <c r="D9" s="24">
        <v>77</v>
      </c>
      <c r="E9" s="24">
        <v>2</v>
      </c>
      <c r="F9" s="24">
        <v>243</v>
      </c>
      <c r="K9" s="22"/>
      <c r="L9" s="22"/>
      <c r="M9" s="22"/>
      <c r="N9" s="22"/>
      <c r="O9" s="22"/>
    </row>
    <row r="10" spans="1:18">
      <c r="A10" s="79"/>
      <c r="B10" s="21">
        <v>0.32100000000000001</v>
      </c>
      <c r="C10" s="21">
        <v>0.35399999999999998</v>
      </c>
      <c r="D10" s="21">
        <v>0.317</v>
      </c>
      <c r="E10" s="21">
        <v>8.0000000000000002E-3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22</v>
      </c>
      <c r="B11" s="24">
        <v>4</v>
      </c>
      <c r="C11" s="24">
        <v>6</v>
      </c>
      <c r="D11" s="24">
        <v>5</v>
      </c>
      <c r="E11" s="24">
        <v>0</v>
      </c>
      <c r="F11" s="24">
        <v>15</v>
      </c>
      <c r="K11" s="22"/>
      <c r="L11" s="22"/>
      <c r="M11" s="22"/>
      <c r="N11" s="22"/>
      <c r="O11" s="22"/>
    </row>
    <row r="12" spans="1:18">
      <c r="A12" s="79"/>
      <c r="B12" s="21">
        <v>0.26700000000000002</v>
      </c>
      <c r="C12" s="21">
        <v>0.4</v>
      </c>
      <c r="D12" s="21">
        <v>0.33300000000000002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89" t="s">
        <v>15</v>
      </c>
      <c r="B13" s="20">
        <v>1665</v>
      </c>
      <c r="C13" s="20">
        <v>2136</v>
      </c>
      <c r="D13" s="20">
        <v>2260</v>
      </c>
      <c r="E13" s="20">
        <v>9</v>
      </c>
      <c r="F13" s="20">
        <v>6070</v>
      </c>
    </row>
    <row r="14" spans="1:18">
      <c r="A14" s="74"/>
      <c r="B14" s="21">
        <v>0.27400000000000002</v>
      </c>
      <c r="C14" s="21">
        <v>0.35199999999999998</v>
      </c>
      <c r="D14" s="21">
        <v>0.372</v>
      </c>
      <c r="E14" s="21">
        <v>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90" t="s">
        <v>75</v>
      </c>
      <c r="B15" s="90"/>
      <c r="C15" s="90"/>
      <c r="D15" s="90"/>
      <c r="E15" s="90"/>
      <c r="F15" s="90"/>
      <c r="K15" s="22"/>
      <c r="L15" s="22"/>
      <c r="M15" s="22"/>
      <c r="N15" s="22"/>
      <c r="O15" s="22"/>
    </row>
    <row r="16" spans="1:18">
      <c r="A16" s="93"/>
      <c r="B16" s="93"/>
      <c r="C16" s="93"/>
      <c r="D16" s="93"/>
      <c r="E16" s="93"/>
      <c r="F16" s="93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  <pageSetup paperSize="9" orientation="portrait" r:id="rId1"/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7"/>
  <dimension ref="A1:R16"/>
  <sheetViews>
    <sheetView workbookViewId="0">
      <selection activeCell="A2" sqref="A2"/>
    </sheetView>
  </sheetViews>
  <sheetFormatPr defaultColWidth="9" defaultRowHeight="14.25"/>
  <cols>
    <col min="1" max="1" width="11.625" style="18" bestFit="1" customWidth="1"/>
    <col min="2" max="6" width="8.875" style="18" customWidth="1"/>
    <col min="7" max="16384" width="9" style="18"/>
  </cols>
  <sheetData>
    <row r="1" spans="1:18">
      <c r="A1" s="70" t="s">
        <v>369</v>
      </c>
      <c r="B1" s="70"/>
      <c r="C1" s="70"/>
      <c r="D1" s="70"/>
      <c r="E1" s="70"/>
      <c r="F1" s="70"/>
    </row>
    <row r="2" spans="1:18">
      <c r="A2" s="121" t="s">
        <v>613</v>
      </c>
      <c r="B2" s="36"/>
      <c r="C2" s="36"/>
      <c r="D2" s="36"/>
      <c r="E2" s="36"/>
      <c r="F2" s="36"/>
    </row>
    <row r="3" spans="1:18">
      <c r="A3" s="84" t="s">
        <v>210</v>
      </c>
      <c r="B3" s="76" t="s">
        <v>122</v>
      </c>
      <c r="C3" s="76"/>
      <c r="D3" s="76"/>
      <c r="E3" s="76"/>
      <c r="F3" s="76"/>
    </row>
    <row r="4" spans="1:18" ht="28.5">
      <c r="A4" s="84"/>
      <c r="B4" s="11" t="s">
        <v>43</v>
      </c>
      <c r="C4" s="11" t="s">
        <v>44</v>
      </c>
      <c r="D4" s="11" t="s">
        <v>191</v>
      </c>
      <c r="E4" s="11" t="s">
        <v>22</v>
      </c>
      <c r="F4" s="11" t="s">
        <v>15</v>
      </c>
    </row>
    <row r="5" spans="1:18">
      <c r="A5" s="73" t="s">
        <v>19</v>
      </c>
      <c r="B5" s="20">
        <v>1558</v>
      </c>
      <c r="C5" s="20">
        <v>168</v>
      </c>
      <c r="D5" s="20">
        <v>979</v>
      </c>
      <c r="E5" s="20">
        <v>9</v>
      </c>
      <c r="F5" s="20">
        <v>2714</v>
      </c>
    </row>
    <row r="6" spans="1:18">
      <c r="A6" s="77"/>
      <c r="B6" s="21">
        <v>0.57399999999999995</v>
      </c>
      <c r="C6" s="21">
        <v>6.2E-2</v>
      </c>
      <c r="D6" s="21">
        <v>0.36099999999999999</v>
      </c>
      <c r="E6" s="21">
        <v>3.0000000000000001E-3</v>
      </c>
      <c r="F6" s="21">
        <v>1</v>
      </c>
      <c r="K6" s="22"/>
      <c r="L6" s="22"/>
      <c r="M6" s="22"/>
      <c r="N6" s="22"/>
      <c r="O6" s="22"/>
      <c r="P6" s="22"/>
      <c r="Q6" s="22"/>
      <c r="R6" s="22"/>
    </row>
    <row r="7" spans="1:18" s="23" customFormat="1">
      <c r="A7" s="92" t="s">
        <v>207</v>
      </c>
      <c r="B7" s="20">
        <v>1572</v>
      </c>
      <c r="C7" s="20">
        <v>277</v>
      </c>
      <c r="D7" s="20">
        <v>1241</v>
      </c>
      <c r="E7" s="20">
        <v>8</v>
      </c>
      <c r="F7" s="20">
        <v>3098</v>
      </c>
    </row>
    <row r="8" spans="1:18">
      <c r="A8" s="79"/>
      <c r="B8" s="21">
        <v>0.50700000000000001</v>
      </c>
      <c r="C8" s="21">
        <v>8.8999999999999996E-2</v>
      </c>
      <c r="D8" s="21">
        <v>0.40100000000000002</v>
      </c>
      <c r="E8" s="21">
        <v>3.0000000000000001E-3</v>
      </c>
      <c r="F8" s="21">
        <v>1</v>
      </c>
      <c r="K8" s="22"/>
      <c r="L8" s="22"/>
      <c r="M8" s="22"/>
      <c r="N8" s="22"/>
      <c r="O8" s="22"/>
      <c r="P8" s="22"/>
      <c r="Q8" s="22"/>
      <c r="R8" s="22"/>
    </row>
    <row r="9" spans="1:18">
      <c r="A9" s="78" t="s">
        <v>208</v>
      </c>
      <c r="B9" s="24">
        <v>127</v>
      </c>
      <c r="C9" s="24">
        <v>26</v>
      </c>
      <c r="D9" s="24">
        <v>87</v>
      </c>
      <c r="E9" s="24">
        <v>3</v>
      </c>
      <c r="F9" s="24">
        <v>243</v>
      </c>
      <c r="K9" s="22"/>
      <c r="L9" s="22"/>
      <c r="M9" s="22"/>
      <c r="N9" s="22"/>
      <c r="O9" s="22"/>
    </row>
    <row r="10" spans="1:18">
      <c r="A10" s="79"/>
      <c r="B10" s="21">
        <v>0.52300000000000002</v>
      </c>
      <c r="C10" s="21">
        <v>0.107</v>
      </c>
      <c r="D10" s="21">
        <v>0.35799999999999998</v>
      </c>
      <c r="E10" s="21">
        <v>1.2E-2</v>
      </c>
      <c r="F10" s="21">
        <v>1</v>
      </c>
      <c r="K10" s="22"/>
      <c r="L10" s="22"/>
      <c r="M10" s="22"/>
      <c r="N10" s="22"/>
      <c r="O10" s="22"/>
      <c r="P10" s="22"/>
      <c r="Q10" s="22"/>
      <c r="R10" s="22"/>
    </row>
    <row r="11" spans="1:18">
      <c r="A11" s="78" t="s">
        <v>22</v>
      </c>
      <c r="B11" s="24">
        <v>6</v>
      </c>
      <c r="C11" s="24">
        <v>1</v>
      </c>
      <c r="D11" s="24">
        <v>8</v>
      </c>
      <c r="E11" s="24">
        <v>0</v>
      </c>
      <c r="F11" s="24">
        <v>15</v>
      </c>
      <c r="K11" s="22"/>
      <c r="L11" s="22"/>
      <c r="M11" s="22"/>
      <c r="N11" s="22"/>
      <c r="O11" s="22"/>
    </row>
    <row r="12" spans="1:18">
      <c r="A12" s="79"/>
      <c r="B12" s="21">
        <v>0.4</v>
      </c>
      <c r="C12" s="21">
        <v>6.7000000000000004E-2</v>
      </c>
      <c r="D12" s="21">
        <v>0.53300000000000003</v>
      </c>
      <c r="E12" s="21">
        <v>0</v>
      </c>
      <c r="F12" s="21">
        <v>1</v>
      </c>
      <c r="K12" s="22"/>
      <c r="L12" s="22"/>
      <c r="M12" s="22"/>
      <c r="N12" s="22"/>
      <c r="O12" s="22"/>
      <c r="P12" s="22"/>
      <c r="Q12" s="22"/>
      <c r="R12" s="22"/>
    </row>
    <row r="13" spans="1:18" s="23" customFormat="1">
      <c r="A13" s="89" t="s">
        <v>15</v>
      </c>
      <c r="B13" s="20">
        <v>3263</v>
      </c>
      <c r="C13" s="20">
        <v>472</v>
      </c>
      <c r="D13" s="20">
        <v>2315</v>
      </c>
      <c r="E13" s="20">
        <v>20</v>
      </c>
      <c r="F13" s="20">
        <v>6070</v>
      </c>
    </row>
    <row r="14" spans="1:18">
      <c r="A14" s="74"/>
      <c r="B14" s="21">
        <v>0.53800000000000003</v>
      </c>
      <c r="C14" s="21">
        <v>7.8E-2</v>
      </c>
      <c r="D14" s="21">
        <v>0.38100000000000001</v>
      </c>
      <c r="E14" s="21">
        <v>3.0000000000000001E-3</v>
      </c>
      <c r="F14" s="21">
        <v>1</v>
      </c>
      <c r="K14" s="22"/>
      <c r="L14" s="22"/>
      <c r="M14" s="22"/>
      <c r="N14" s="22"/>
      <c r="O14" s="22"/>
      <c r="P14" s="22"/>
      <c r="Q14" s="22"/>
      <c r="R14" s="22"/>
    </row>
    <row r="15" spans="1:18" ht="14.25" customHeight="1">
      <c r="A15" s="90" t="s">
        <v>79</v>
      </c>
      <c r="B15" s="90"/>
      <c r="C15" s="90"/>
      <c r="D15" s="90"/>
      <c r="E15" s="90"/>
      <c r="F15" s="90"/>
      <c r="K15" s="22"/>
      <c r="L15" s="22"/>
      <c r="M15" s="22"/>
      <c r="N15" s="22"/>
      <c r="O15" s="22"/>
    </row>
    <row r="16" spans="1:18">
      <c r="A16" s="93"/>
      <c r="B16" s="93"/>
      <c r="C16" s="93"/>
      <c r="D16" s="93"/>
      <c r="E16" s="93"/>
      <c r="F16" s="93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8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18" bestFit="1" customWidth="1"/>
    <col min="2" max="5" width="8.875" style="18" customWidth="1"/>
    <col min="6" max="16384" width="9" style="18"/>
  </cols>
  <sheetData>
    <row r="1" spans="1:17">
      <c r="A1" s="94" t="s">
        <v>370</v>
      </c>
      <c r="B1" s="94"/>
      <c r="C1" s="94"/>
      <c r="D1" s="94"/>
      <c r="E1" s="94"/>
    </row>
    <row r="2" spans="1:17">
      <c r="A2" s="121" t="s">
        <v>613</v>
      </c>
      <c r="B2" s="41"/>
      <c r="C2" s="41"/>
      <c r="D2" s="41"/>
      <c r="E2" s="41"/>
    </row>
    <row r="3" spans="1:17">
      <c r="A3" s="84" t="s">
        <v>305</v>
      </c>
      <c r="B3" s="76" t="s">
        <v>123</v>
      </c>
      <c r="C3" s="76"/>
      <c r="D3" s="76"/>
      <c r="E3" s="76"/>
    </row>
    <row r="4" spans="1:17">
      <c r="A4" s="84"/>
      <c r="B4" s="11" t="s">
        <v>43</v>
      </c>
      <c r="C4" s="11" t="s">
        <v>44</v>
      </c>
      <c r="D4" s="11" t="s">
        <v>22</v>
      </c>
      <c r="E4" s="11" t="s">
        <v>15</v>
      </c>
    </row>
    <row r="5" spans="1:17">
      <c r="A5" s="73" t="s">
        <v>19</v>
      </c>
      <c r="B5" s="20">
        <v>2568</v>
      </c>
      <c r="C5" s="20">
        <v>138</v>
      </c>
      <c r="D5" s="20">
        <v>8</v>
      </c>
      <c r="E5" s="20">
        <v>2714</v>
      </c>
    </row>
    <row r="6" spans="1:17">
      <c r="A6" s="77"/>
      <c r="B6" s="21">
        <v>0.94599999999999995</v>
      </c>
      <c r="C6" s="21">
        <v>5.0999999999999997E-2</v>
      </c>
      <c r="D6" s="21">
        <v>3.0000000000000001E-3</v>
      </c>
      <c r="E6" s="21">
        <v>1</v>
      </c>
      <c r="J6" s="22"/>
      <c r="K6" s="22"/>
      <c r="L6" s="22"/>
      <c r="M6" s="22"/>
      <c r="N6" s="22"/>
      <c r="O6" s="22"/>
      <c r="P6" s="22"/>
      <c r="Q6" s="22"/>
    </row>
    <row r="7" spans="1:17" s="23" customFormat="1">
      <c r="A7" s="92" t="s">
        <v>303</v>
      </c>
      <c r="B7" s="20">
        <v>2884</v>
      </c>
      <c r="C7" s="20">
        <v>208</v>
      </c>
      <c r="D7" s="20">
        <v>6</v>
      </c>
      <c r="E7" s="20">
        <v>3098</v>
      </c>
    </row>
    <row r="8" spans="1:17">
      <c r="A8" s="79"/>
      <c r="B8" s="21">
        <v>0.93100000000000005</v>
      </c>
      <c r="C8" s="21">
        <v>6.7000000000000004E-2</v>
      </c>
      <c r="D8" s="21">
        <v>2E-3</v>
      </c>
      <c r="E8" s="21">
        <v>1</v>
      </c>
      <c r="J8" s="22"/>
      <c r="K8" s="22"/>
      <c r="L8" s="22"/>
      <c r="M8" s="22"/>
      <c r="N8" s="22"/>
      <c r="O8" s="22"/>
      <c r="P8" s="22"/>
      <c r="Q8" s="22"/>
    </row>
    <row r="9" spans="1:17">
      <c r="A9" s="78" t="s">
        <v>304</v>
      </c>
      <c r="B9" s="24">
        <v>203</v>
      </c>
      <c r="C9" s="24">
        <v>38</v>
      </c>
      <c r="D9" s="24">
        <v>2</v>
      </c>
      <c r="E9" s="24">
        <v>243</v>
      </c>
      <c r="J9" s="22"/>
      <c r="K9" s="22"/>
      <c r="L9" s="22"/>
      <c r="M9" s="22"/>
      <c r="N9" s="22"/>
    </row>
    <row r="10" spans="1:17">
      <c r="A10" s="79"/>
      <c r="B10" s="21">
        <v>0.83499999999999996</v>
      </c>
      <c r="C10" s="21">
        <v>0.156</v>
      </c>
      <c r="D10" s="21">
        <v>8.0000000000000002E-3</v>
      </c>
      <c r="E10" s="21">
        <v>1</v>
      </c>
      <c r="J10" s="22"/>
      <c r="K10" s="22"/>
      <c r="L10" s="22"/>
      <c r="M10" s="22"/>
      <c r="N10" s="22"/>
      <c r="O10" s="22"/>
      <c r="P10" s="22"/>
      <c r="Q10" s="22"/>
    </row>
    <row r="11" spans="1:17">
      <c r="A11" s="78" t="s">
        <v>22</v>
      </c>
      <c r="B11" s="24">
        <v>12</v>
      </c>
      <c r="C11" s="24">
        <v>2</v>
      </c>
      <c r="D11" s="24">
        <v>1</v>
      </c>
      <c r="E11" s="24">
        <v>15</v>
      </c>
      <c r="J11" s="22"/>
      <c r="K11" s="22"/>
      <c r="L11" s="22"/>
      <c r="M11" s="22"/>
      <c r="N11" s="22"/>
    </row>
    <row r="12" spans="1:17">
      <c r="A12" s="79"/>
      <c r="B12" s="21">
        <v>0.8</v>
      </c>
      <c r="C12" s="21">
        <v>0.13300000000000001</v>
      </c>
      <c r="D12" s="21">
        <v>6.7000000000000004E-2</v>
      </c>
      <c r="E12" s="21">
        <v>1</v>
      </c>
      <c r="J12" s="22"/>
      <c r="K12" s="22"/>
      <c r="L12" s="22"/>
      <c r="M12" s="22"/>
      <c r="N12" s="22"/>
      <c r="O12" s="22"/>
      <c r="P12" s="22"/>
      <c r="Q12" s="22"/>
    </row>
    <row r="13" spans="1:17" s="23" customFormat="1">
      <c r="A13" s="89" t="s">
        <v>15</v>
      </c>
      <c r="B13" s="20">
        <v>5667</v>
      </c>
      <c r="C13" s="20">
        <v>386</v>
      </c>
      <c r="D13" s="20">
        <v>17</v>
      </c>
      <c r="E13" s="20">
        <v>6070</v>
      </c>
    </row>
    <row r="14" spans="1:17">
      <c r="A14" s="74"/>
      <c r="B14" s="21">
        <v>0.93400000000000005</v>
      </c>
      <c r="C14" s="21">
        <v>6.4000000000000001E-2</v>
      </c>
      <c r="D14" s="21">
        <v>3.0000000000000001E-3</v>
      </c>
      <c r="E14" s="21">
        <v>1</v>
      </c>
      <c r="J14" s="22"/>
      <c r="K14" s="22"/>
      <c r="L14" s="22"/>
      <c r="M14" s="22"/>
      <c r="N14" s="22"/>
      <c r="O14" s="22"/>
      <c r="P14" s="22"/>
      <c r="Q14" s="22"/>
    </row>
    <row r="15" spans="1:17" ht="14.25" customHeight="1">
      <c r="A15" s="71" t="s">
        <v>192</v>
      </c>
      <c r="B15" s="71"/>
      <c r="C15" s="71"/>
      <c r="D15" s="71"/>
      <c r="E15" s="71"/>
      <c r="J15" s="22"/>
      <c r="K15" s="22"/>
      <c r="L15" s="22"/>
      <c r="M15" s="22"/>
      <c r="N15" s="22"/>
    </row>
    <row r="16" spans="1:17">
      <c r="A16" s="81"/>
      <c r="B16" s="81"/>
      <c r="C16" s="81"/>
      <c r="D16" s="81"/>
      <c r="E16" s="81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高1!A1" display="【目次】"/>
  </hyperlink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09</vt:i4>
      </vt:variant>
      <vt:variant>
        <vt:lpstr>名前付き一覧</vt:lpstr>
      </vt:variant>
      <vt:variant>
        <vt:i4>1</vt:i4>
      </vt:variant>
    </vt:vector>
  </HeadingPairs>
  <TitlesOfParts>
    <vt:vector size="310" baseType="lpstr">
      <vt:lpstr>高1</vt:lpstr>
      <vt:lpstr>1</vt:lpstr>
      <vt:lpstr>2</vt:lpstr>
      <vt:lpstr>3</vt:lpstr>
      <vt:lpstr>4</vt:lpstr>
      <vt:lpstr>5</vt:lpstr>
      <vt:lpstr>6</vt:lpstr>
      <vt:lpstr>7</vt:lpstr>
      <vt:lpstr>8</vt:lpstr>
      <vt:lpstr>9</vt:lpstr>
      <vt:lpstr>10</vt:lpstr>
      <vt:lpstr>11</vt:lpstr>
      <vt:lpstr>12</vt:lpstr>
      <vt:lpstr>13</vt:lpstr>
      <vt:lpstr>14</vt:lpstr>
      <vt:lpstr>15-1</vt:lpstr>
      <vt:lpstr>15-2</vt:lpstr>
      <vt:lpstr>16</vt:lpstr>
      <vt:lpstr>17</vt:lpstr>
      <vt:lpstr>18</vt:lpstr>
      <vt:lpstr>19</vt:lpstr>
      <vt:lpstr>20</vt:lpstr>
      <vt:lpstr>21</vt:lpstr>
      <vt:lpstr>22</vt:lpstr>
      <vt:lpstr>23</vt:lpstr>
      <vt:lpstr>24</vt:lpstr>
      <vt:lpstr>25</vt:lpstr>
      <vt:lpstr>26</vt:lpstr>
      <vt:lpstr>27</vt:lpstr>
      <vt:lpstr>28</vt:lpstr>
      <vt:lpstr>29</vt:lpstr>
      <vt:lpstr>30</vt:lpstr>
      <vt:lpstr>31</vt:lpstr>
      <vt:lpstr>32</vt:lpstr>
      <vt:lpstr>33</vt:lpstr>
      <vt:lpstr>34</vt:lpstr>
      <vt:lpstr>35</vt:lpstr>
      <vt:lpstr>36-1</vt:lpstr>
      <vt:lpstr>36-2</vt:lpstr>
      <vt:lpstr>37</vt:lpstr>
      <vt:lpstr>38</vt:lpstr>
      <vt:lpstr>39</vt:lpstr>
      <vt:lpstr>40</vt:lpstr>
      <vt:lpstr>41</vt:lpstr>
      <vt:lpstr>42</vt:lpstr>
      <vt:lpstr>43</vt:lpstr>
      <vt:lpstr>44</vt:lpstr>
      <vt:lpstr>45</vt:lpstr>
      <vt:lpstr>46</vt:lpstr>
      <vt:lpstr>47</vt:lpstr>
      <vt:lpstr>48</vt:lpstr>
      <vt:lpstr>49</vt:lpstr>
      <vt:lpstr>50</vt:lpstr>
      <vt:lpstr>51</vt:lpstr>
      <vt:lpstr>52</vt:lpstr>
      <vt:lpstr>53</vt:lpstr>
      <vt:lpstr>54</vt:lpstr>
      <vt:lpstr>55</vt:lpstr>
      <vt:lpstr>56-1</vt:lpstr>
      <vt:lpstr>56-2</vt:lpstr>
      <vt:lpstr>57</vt:lpstr>
      <vt:lpstr>58</vt:lpstr>
      <vt:lpstr>59</vt:lpstr>
      <vt:lpstr>60</vt:lpstr>
      <vt:lpstr>61</vt:lpstr>
      <vt:lpstr>62</vt:lpstr>
      <vt:lpstr>63</vt:lpstr>
      <vt:lpstr>64</vt:lpstr>
      <vt:lpstr>65</vt:lpstr>
      <vt:lpstr>66</vt:lpstr>
      <vt:lpstr>67</vt:lpstr>
      <vt:lpstr>68</vt:lpstr>
      <vt:lpstr>69</vt:lpstr>
      <vt:lpstr>70</vt:lpstr>
      <vt:lpstr>71</vt:lpstr>
      <vt:lpstr>72</vt:lpstr>
      <vt:lpstr>73</vt:lpstr>
      <vt:lpstr>74</vt:lpstr>
      <vt:lpstr>75</vt:lpstr>
      <vt:lpstr>76-1</vt:lpstr>
      <vt:lpstr>76-2</vt:lpstr>
      <vt:lpstr>77</vt:lpstr>
      <vt:lpstr>78</vt:lpstr>
      <vt:lpstr>79</vt:lpstr>
      <vt:lpstr>80</vt:lpstr>
      <vt:lpstr>81</vt:lpstr>
      <vt:lpstr>82</vt:lpstr>
      <vt:lpstr>83</vt:lpstr>
      <vt:lpstr>84</vt:lpstr>
      <vt:lpstr>85</vt:lpstr>
      <vt:lpstr>86</vt:lpstr>
      <vt:lpstr>87</vt:lpstr>
      <vt:lpstr>88</vt:lpstr>
      <vt:lpstr>89</vt:lpstr>
      <vt:lpstr>90</vt:lpstr>
      <vt:lpstr>91</vt:lpstr>
      <vt:lpstr>92</vt:lpstr>
      <vt:lpstr>93</vt:lpstr>
      <vt:lpstr>94</vt:lpstr>
      <vt:lpstr>95-1</vt:lpstr>
      <vt:lpstr>95-2</vt:lpstr>
      <vt:lpstr>96</vt:lpstr>
      <vt:lpstr>97</vt:lpstr>
      <vt:lpstr>98</vt:lpstr>
      <vt:lpstr>99</vt:lpstr>
      <vt:lpstr>100</vt:lpstr>
      <vt:lpstr>101</vt:lpstr>
      <vt:lpstr>102</vt:lpstr>
      <vt:lpstr>103</vt:lpstr>
      <vt:lpstr>104</vt:lpstr>
      <vt:lpstr>105</vt:lpstr>
      <vt:lpstr>106</vt:lpstr>
      <vt:lpstr>107</vt:lpstr>
      <vt:lpstr>108</vt:lpstr>
      <vt:lpstr>109</vt:lpstr>
      <vt:lpstr>110</vt:lpstr>
      <vt:lpstr>111</vt:lpstr>
      <vt:lpstr>112</vt:lpstr>
      <vt:lpstr>113</vt:lpstr>
      <vt:lpstr>114-1</vt:lpstr>
      <vt:lpstr>114-2</vt:lpstr>
      <vt:lpstr>115</vt:lpstr>
      <vt:lpstr>116</vt:lpstr>
      <vt:lpstr>117</vt:lpstr>
      <vt:lpstr>118</vt:lpstr>
      <vt:lpstr>119</vt:lpstr>
      <vt:lpstr>120</vt:lpstr>
      <vt:lpstr>121</vt:lpstr>
      <vt:lpstr>122</vt:lpstr>
      <vt:lpstr>123</vt:lpstr>
      <vt:lpstr>124</vt:lpstr>
      <vt:lpstr>125</vt:lpstr>
      <vt:lpstr>126</vt:lpstr>
      <vt:lpstr>127</vt:lpstr>
      <vt:lpstr>128</vt:lpstr>
      <vt:lpstr>129</vt:lpstr>
      <vt:lpstr>130</vt:lpstr>
      <vt:lpstr>131</vt:lpstr>
      <vt:lpstr>132-1</vt:lpstr>
      <vt:lpstr>132-2</vt:lpstr>
      <vt:lpstr>133</vt:lpstr>
      <vt:lpstr>134</vt:lpstr>
      <vt:lpstr>135</vt:lpstr>
      <vt:lpstr>136</vt:lpstr>
      <vt:lpstr>137</vt:lpstr>
      <vt:lpstr>138</vt:lpstr>
      <vt:lpstr>139</vt:lpstr>
      <vt:lpstr>140</vt:lpstr>
      <vt:lpstr>141</vt:lpstr>
      <vt:lpstr>142</vt:lpstr>
      <vt:lpstr>143</vt:lpstr>
      <vt:lpstr>144</vt:lpstr>
      <vt:lpstr>145</vt:lpstr>
      <vt:lpstr>146</vt:lpstr>
      <vt:lpstr>147</vt:lpstr>
      <vt:lpstr>148</vt:lpstr>
      <vt:lpstr>149-1</vt:lpstr>
      <vt:lpstr>149-2</vt:lpstr>
      <vt:lpstr>150</vt:lpstr>
      <vt:lpstr>151</vt:lpstr>
      <vt:lpstr>152</vt:lpstr>
      <vt:lpstr>153</vt:lpstr>
      <vt:lpstr>154</vt:lpstr>
      <vt:lpstr>155</vt:lpstr>
      <vt:lpstr>156</vt:lpstr>
      <vt:lpstr>157</vt:lpstr>
      <vt:lpstr>158</vt:lpstr>
      <vt:lpstr>159</vt:lpstr>
      <vt:lpstr>160</vt:lpstr>
      <vt:lpstr>161</vt:lpstr>
      <vt:lpstr>162</vt:lpstr>
      <vt:lpstr>163</vt:lpstr>
      <vt:lpstr>164</vt:lpstr>
      <vt:lpstr>165-1</vt:lpstr>
      <vt:lpstr>165-2</vt:lpstr>
      <vt:lpstr>166</vt:lpstr>
      <vt:lpstr>167</vt:lpstr>
      <vt:lpstr>168</vt:lpstr>
      <vt:lpstr>169</vt:lpstr>
      <vt:lpstr>170</vt:lpstr>
      <vt:lpstr>171</vt:lpstr>
      <vt:lpstr>172</vt:lpstr>
      <vt:lpstr>173</vt:lpstr>
      <vt:lpstr>174</vt:lpstr>
      <vt:lpstr>175</vt:lpstr>
      <vt:lpstr>176</vt:lpstr>
      <vt:lpstr>177</vt:lpstr>
      <vt:lpstr>178</vt:lpstr>
      <vt:lpstr>179</vt:lpstr>
      <vt:lpstr>180-1</vt:lpstr>
      <vt:lpstr>180-2</vt:lpstr>
      <vt:lpstr>181</vt:lpstr>
      <vt:lpstr>182</vt:lpstr>
      <vt:lpstr>183</vt:lpstr>
      <vt:lpstr>184</vt:lpstr>
      <vt:lpstr>185</vt:lpstr>
      <vt:lpstr>186</vt:lpstr>
      <vt:lpstr>187</vt:lpstr>
      <vt:lpstr>188</vt:lpstr>
      <vt:lpstr>189</vt:lpstr>
      <vt:lpstr>190</vt:lpstr>
      <vt:lpstr>191</vt:lpstr>
      <vt:lpstr>192</vt:lpstr>
      <vt:lpstr>193</vt:lpstr>
      <vt:lpstr>194-1</vt:lpstr>
      <vt:lpstr>194-2</vt:lpstr>
      <vt:lpstr>195</vt:lpstr>
      <vt:lpstr>196</vt:lpstr>
      <vt:lpstr>197</vt:lpstr>
      <vt:lpstr>198</vt:lpstr>
      <vt:lpstr>199</vt:lpstr>
      <vt:lpstr>200</vt:lpstr>
      <vt:lpstr>201</vt:lpstr>
      <vt:lpstr>202</vt:lpstr>
      <vt:lpstr>203</vt:lpstr>
      <vt:lpstr>204</vt:lpstr>
      <vt:lpstr>205</vt:lpstr>
      <vt:lpstr>206</vt:lpstr>
      <vt:lpstr>207-1</vt:lpstr>
      <vt:lpstr>207-2</vt:lpstr>
      <vt:lpstr>208</vt:lpstr>
      <vt:lpstr>209</vt:lpstr>
      <vt:lpstr>210</vt:lpstr>
      <vt:lpstr>211</vt:lpstr>
      <vt:lpstr>212</vt:lpstr>
      <vt:lpstr>213</vt:lpstr>
      <vt:lpstr>214</vt:lpstr>
      <vt:lpstr>215</vt:lpstr>
      <vt:lpstr>216</vt:lpstr>
      <vt:lpstr>217</vt:lpstr>
      <vt:lpstr>218</vt:lpstr>
      <vt:lpstr>219-1</vt:lpstr>
      <vt:lpstr>219-2</vt:lpstr>
      <vt:lpstr>220</vt:lpstr>
      <vt:lpstr>221</vt:lpstr>
      <vt:lpstr>222</vt:lpstr>
      <vt:lpstr>223</vt:lpstr>
      <vt:lpstr>224</vt:lpstr>
      <vt:lpstr>225</vt:lpstr>
      <vt:lpstr>226</vt:lpstr>
      <vt:lpstr>227</vt:lpstr>
      <vt:lpstr>228</vt:lpstr>
      <vt:lpstr>229</vt:lpstr>
      <vt:lpstr>230-1</vt:lpstr>
      <vt:lpstr>230-2</vt:lpstr>
      <vt:lpstr>231</vt:lpstr>
      <vt:lpstr>232</vt:lpstr>
      <vt:lpstr>233</vt:lpstr>
      <vt:lpstr>234</vt:lpstr>
      <vt:lpstr>235</vt:lpstr>
      <vt:lpstr>236</vt:lpstr>
      <vt:lpstr>237</vt:lpstr>
      <vt:lpstr>238</vt:lpstr>
      <vt:lpstr>239</vt:lpstr>
      <vt:lpstr>240-1</vt:lpstr>
      <vt:lpstr>240-2</vt:lpstr>
      <vt:lpstr>241</vt:lpstr>
      <vt:lpstr>242</vt:lpstr>
      <vt:lpstr>243</vt:lpstr>
      <vt:lpstr>244</vt:lpstr>
      <vt:lpstr>245</vt:lpstr>
      <vt:lpstr>246</vt:lpstr>
      <vt:lpstr>247</vt:lpstr>
      <vt:lpstr>248</vt:lpstr>
      <vt:lpstr>249-1</vt:lpstr>
      <vt:lpstr>249-2</vt:lpstr>
      <vt:lpstr>250</vt:lpstr>
      <vt:lpstr>251</vt:lpstr>
      <vt:lpstr>252</vt:lpstr>
      <vt:lpstr>253</vt:lpstr>
      <vt:lpstr>254</vt:lpstr>
      <vt:lpstr>255</vt:lpstr>
      <vt:lpstr>256</vt:lpstr>
      <vt:lpstr>257-1</vt:lpstr>
      <vt:lpstr>257-2</vt:lpstr>
      <vt:lpstr>258</vt:lpstr>
      <vt:lpstr>259</vt:lpstr>
      <vt:lpstr>260</vt:lpstr>
      <vt:lpstr>261</vt:lpstr>
      <vt:lpstr>262</vt:lpstr>
      <vt:lpstr>263</vt:lpstr>
      <vt:lpstr>264</vt:lpstr>
      <vt:lpstr>265</vt:lpstr>
      <vt:lpstr>266</vt:lpstr>
      <vt:lpstr>267</vt:lpstr>
      <vt:lpstr>268</vt:lpstr>
      <vt:lpstr>269</vt:lpstr>
      <vt:lpstr>270</vt:lpstr>
      <vt:lpstr>271</vt:lpstr>
      <vt:lpstr>272</vt:lpstr>
      <vt:lpstr>273</vt:lpstr>
      <vt:lpstr>274</vt:lpstr>
      <vt:lpstr>275</vt:lpstr>
      <vt:lpstr>276</vt:lpstr>
      <vt:lpstr>277</vt:lpstr>
      <vt:lpstr>278</vt:lpstr>
      <vt:lpstr>279</vt:lpstr>
      <vt:lpstr>280</vt:lpstr>
      <vt:lpstr>281</vt:lpstr>
      <vt:lpstr>282</vt:lpstr>
      <vt:lpstr>283</vt:lpstr>
      <vt:lpstr>284</vt:lpstr>
      <vt:lpstr>285</vt:lpstr>
      <vt:lpstr>286</vt:lpstr>
      <vt:lpstr>287</vt:lpstr>
      <vt:lpstr>288</vt:lpstr>
      <vt:lpstr>289</vt:lpstr>
      <vt:lpstr>290</vt:lpstr>
      <vt:lpstr>291</vt:lpstr>
      <vt:lpstr>高1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2-22T04:29:39Z</cp:lastPrinted>
  <dcterms:created xsi:type="dcterms:W3CDTF">2010-02-08T07:30:03Z</dcterms:created>
  <dcterms:modified xsi:type="dcterms:W3CDTF">2025-07-22T09:19:13Z</dcterms:modified>
</cp:coreProperties>
</file>